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09\01_調整グループ\19_普及啓発\02_障害者理解促進事業\02_ヘルプマーク\ヘルプマーク\00_配布窓口\R7\04_HP\"/>
    </mc:Choice>
  </mc:AlternateContent>
  <bookViews>
    <workbookView xWindow="0" yWindow="0" windowWidth="23016" windowHeight="8736"/>
  </bookViews>
  <sheets>
    <sheet name="窓口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83" uniqueCount="857">
  <si>
    <t>健康福祉局 障害者社会参加・就労支援課</t>
  </si>
  <si>
    <t>公益財団法人 川崎市身体障害者協会</t>
  </si>
  <si>
    <t>川崎市聴覚障害者情報文化センター</t>
  </si>
  <si>
    <t>川崎市視覚障害者情報文化センター</t>
  </si>
  <si>
    <t>川崎市総合リハビリテーション推進センター南部地域支援室</t>
  </si>
  <si>
    <t>川崎市総合リハビリテーション推進センター中部地域支援室</t>
  </si>
  <si>
    <t>川崎市総合リハビリテーション推進センター北部地域支援室</t>
  </si>
  <si>
    <t>川崎区役所　高齢・障害課</t>
  </si>
  <si>
    <t>幸区役所　高齢・障害課</t>
  </si>
  <si>
    <t>中原区役所　高齢・障害課</t>
  </si>
  <si>
    <t>高津区役所　高齢・障害課</t>
  </si>
  <si>
    <t>宮前区役所　高齢・障害課</t>
  </si>
  <si>
    <t>多摩区役所　高齢・障害課</t>
  </si>
  <si>
    <t>麻生区役所　高齢・障害課</t>
  </si>
  <si>
    <t>高齢・障害者福祉課</t>
  </si>
  <si>
    <t>緑高齢・障害者相談課</t>
  </si>
  <si>
    <t>中央高齢・障害者相談課</t>
  </si>
  <si>
    <t>南高齢・障害者相談課</t>
  </si>
  <si>
    <t>障害福祉課</t>
  </si>
  <si>
    <t>点字図書館</t>
  </si>
  <si>
    <t>追浜行政センター</t>
  </si>
  <si>
    <t>田浦行政センター</t>
  </si>
  <si>
    <t>逸見行政センター</t>
  </si>
  <si>
    <t>衣笠行政センター</t>
  </si>
  <si>
    <t>大津行政センター</t>
  </si>
  <si>
    <t>浦賀行政センター</t>
  </si>
  <si>
    <t>久里浜行政センター</t>
  </si>
  <si>
    <t>北下浦行政センター</t>
  </si>
  <si>
    <t>西行政センター</t>
  </si>
  <si>
    <t>障がい福祉課</t>
  </si>
  <si>
    <t>大船支所</t>
  </si>
  <si>
    <t>深沢支所</t>
  </si>
  <si>
    <t>腰越支所</t>
  </si>
  <si>
    <t>玉縄支所</t>
  </si>
  <si>
    <t>市民サービスコーナー</t>
  </si>
  <si>
    <t>鎌倉市社会福祉協議会</t>
  </si>
  <si>
    <t>障がい者支援課</t>
  </si>
  <si>
    <t>保健予防課</t>
  </si>
  <si>
    <t>福祉会館</t>
  </si>
  <si>
    <t>子ども発達支援センター</t>
  </si>
  <si>
    <t>福祉課</t>
  </si>
  <si>
    <t>秦野市社会福祉協議会</t>
  </si>
  <si>
    <t>秦野市地域生活支援センター“ぱれっと・はだの”</t>
  </si>
  <si>
    <t>本町地域高齢者支援センター</t>
  </si>
  <si>
    <t>南地域高齢者支援センター</t>
  </si>
  <si>
    <t>東・北高齢者支援センター</t>
  </si>
  <si>
    <t>大根地域高齢者支援センター</t>
  </si>
  <si>
    <t>西地域高齢者支援センター</t>
  </si>
  <si>
    <t>渋沢地域高齢者支援センター</t>
  </si>
  <si>
    <t>鶴巻地域高齢者支援センター</t>
  </si>
  <si>
    <t>介護福祉課</t>
  </si>
  <si>
    <t>健康づくり課</t>
  </si>
  <si>
    <t>福祉課　障がい福祉係</t>
  </si>
  <si>
    <t>スポーツ健康課</t>
  </si>
  <si>
    <t>子育て支援課</t>
  </si>
  <si>
    <t>子育て支援総合センター</t>
  </si>
  <si>
    <t>国府支所</t>
  </si>
  <si>
    <t>福祉保険課</t>
  </si>
  <si>
    <t>健康福祉センター</t>
  </si>
  <si>
    <t>福祉介護課</t>
  </si>
  <si>
    <t>さくら館</t>
  </si>
  <si>
    <t>社会福祉課</t>
  </si>
  <si>
    <t>福祉支援課</t>
  </si>
  <si>
    <t>横浜市潮田地域ケアプラザ</t>
  </si>
  <si>
    <t>横浜市矢向地域ケアプラザ</t>
  </si>
  <si>
    <t>横浜市寺尾地域ケアプラザ</t>
  </si>
  <si>
    <t>横浜市東寺尾地域ケアプラザ</t>
  </si>
  <si>
    <t>横浜市駒岡地域ケアプラザ</t>
  </si>
  <si>
    <t>横浜市鶴見市場地域ケアプラザ</t>
  </si>
  <si>
    <t>横浜市鶴見中央地域ケアプラザ</t>
  </si>
  <si>
    <t>横浜市生麦地域ケアプラザ</t>
  </si>
  <si>
    <t>横浜市馬場地域ケアプラザ</t>
  </si>
  <si>
    <t>横浜市反町地域ケアプラザ</t>
  </si>
  <si>
    <t>横浜市神之木地域ケアプラザ</t>
  </si>
  <si>
    <t>横浜市菅田地域ケアプラザ</t>
  </si>
  <si>
    <t>横浜市片倉三枚地域ケアプラザ</t>
  </si>
  <si>
    <t>横浜市新子安地域ケアプラザ</t>
  </si>
  <si>
    <t>横浜市沢渡三ツ沢地域ケアプラザ</t>
  </si>
  <si>
    <t>横浜市六角橋地域ケアプラザ</t>
  </si>
  <si>
    <t>横浜市藤棚地域ケアプラザ</t>
  </si>
  <si>
    <t>横浜市宮崎地域ケアプラザ</t>
  </si>
  <si>
    <t>横浜市戸部本町地域ケアプラザ</t>
  </si>
  <si>
    <t>横浜市新山下地域ケアプラザ</t>
  </si>
  <si>
    <t>横浜市不老町地域ケアプラザ</t>
  </si>
  <si>
    <t>横浜市麦田地域ケアプラザ</t>
  </si>
  <si>
    <t>横浜市本牧原地域ケアプラザ</t>
  </si>
  <si>
    <t>横浜市簑沢地域ケアプラザ</t>
  </si>
  <si>
    <t>横浜市本牧和田地域ケアプラザ</t>
  </si>
  <si>
    <t>横浜市大岡地域ケアプラザ</t>
  </si>
  <si>
    <t>横浜市清水ケ丘地域ケアプラザ</t>
  </si>
  <si>
    <t>横浜市永田地域ケアプラザ</t>
  </si>
  <si>
    <t>横浜市六ツ川地域ケアプラザ</t>
  </si>
  <si>
    <t>横浜市浦舟地域ケアプラザ</t>
  </si>
  <si>
    <t>横浜市中村地域ケアプラザ</t>
  </si>
  <si>
    <t>横浜市睦地域ケアプラザ</t>
  </si>
  <si>
    <t>横浜市別所地域ケアプラザ</t>
  </si>
  <si>
    <t>横浜市港南台地域ケアプラザ</t>
  </si>
  <si>
    <t>横浜市東永谷地域ケアプラザ</t>
  </si>
  <si>
    <t>横浜市下永谷地域ケアプラザ</t>
  </si>
  <si>
    <t>横浜市野庭地域ケアプラザ</t>
  </si>
  <si>
    <t>横浜市日下地域ケアプラザ</t>
  </si>
  <si>
    <t>横浜市港南中央地域ケアプラザ</t>
  </si>
  <si>
    <t>横浜市日野南地域ケアプラザ</t>
  </si>
  <si>
    <t>横浜市芹が谷地域ケアプラザ</t>
  </si>
  <si>
    <t>横浜市日限山地域ケアプラザ</t>
  </si>
  <si>
    <t>横浜市岩崎地域ケアプラザ</t>
  </si>
  <si>
    <t>横浜市今井地域ケアプラザ</t>
  </si>
  <si>
    <t>横浜市星川地域ケアプラザ</t>
  </si>
  <si>
    <t>横浜市仏向地域ケアプラザ</t>
  </si>
  <si>
    <t>横浜市常盤台地域ケアプラザ</t>
  </si>
  <si>
    <t>横浜市川島地域ケアプラザ</t>
  </si>
  <si>
    <t>万騎が原地域ケアプラザ</t>
  </si>
  <si>
    <t>横浜市上白根地域ケアプラザ</t>
  </si>
  <si>
    <t>横浜市左近山地域ケアプラザ</t>
  </si>
  <si>
    <t>横浜市川井地域ケアプラザ</t>
  </si>
  <si>
    <t>横浜市若葉台地域ケアプラザ</t>
  </si>
  <si>
    <t>横浜市鶴ケ峰地域ケアプラザ</t>
  </si>
  <si>
    <t>横浜市今宿地域ケアプラザ</t>
  </si>
  <si>
    <t>横浜市ひかりが丘地域ケアプラザ</t>
  </si>
  <si>
    <t>横浜市南希望が丘地域ケアプラザ</t>
  </si>
  <si>
    <t>横浜市今宿西地域ケアプラザ</t>
  </si>
  <si>
    <t>横浜市笹野台地域ケアプラザ</t>
  </si>
  <si>
    <t>横浜市白根地域ケアプラザ</t>
  </si>
  <si>
    <t>横浜市二俣川地域ケアプラザ</t>
  </si>
  <si>
    <t>横浜市根岸地域ケアプラザ</t>
  </si>
  <si>
    <t>横浜市新杉田地域ケアプラザ</t>
  </si>
  <si>
    <t>横浜市洋光台地域ケアプラザ</t>
  </si>
  <si>
    <t>横浜市磯子地域ケアプラザ</t>
  </si>
  <si>
    <t>横浜市滝頭地域ケアプラザ</t>
  </si>
  <si>
    <t>横浜市屏風ケ浦地域ケアプラザ</t>
  </si>
  <si>
    <t>横浜市上笹下地域ケアプラザ</t>
  </si>
  <si>
    <t>横浜市並木地域ケアプラザ</t>
  </si>
  <si>
    <t>横浜市六浦地域ケアプラザ</t>
  </si>
  <si>
    <t>横浜市泥亀地域ケアプラザ</t>
  </si>
  <si>
    <t>横浜市富岡地域ケアプラザ</t>
  </si>
  <si>
    <t>横浜市釜利谷地域ケアプラザ</t>
  </si>
  <si>
    <t>横浜市能見台地域ケアプラザ</t>
  </si>
  <si>
    <t>横浜市西金沢地域ケアプラザ</t>
  </si>
  <si>
    <t>横浜市富岡東地域ケアプラザ</t>
  </si>
  <si>
    <t>横浜市柳町地域ケアプラザ</t>
  </si>
  <si>
    <t>横浜市総合リハビリテーションセンター</t>
  </si>
  <si>
    <t>新吉田地域ケアプラザ</t>
  </si>
  <si>
    <t>横浜市篠原地域ケアプラザ</t>
  </si>
  <si>
    <t>横浜市高田地域ケアプラザ</t>
  </si>
  <si>
    <t>横浜市下田地域ケアプラザ</t>
  </si>
  <si>
    <t>横浜市大豆戸地域ケアプラザ</t>
  </si>
  <si>
    <t>横浜市樽町地域ケアプラザ</t>
  </si>
  <si>
    <t>横浜市城郷小机地域ケアプラザ</t>
  </si>
  <si>
    <t>横浜市日吉本町地域ケアプラザ</t>
  </si>
  <si>
    <t>横浜市新羽地域ケアプラザ</t>
  </si>
  <si>
    <t>横浜市十日市場地域ケアプラザ</t>
  </si>
  <si>
    <t>横浜市長津田地域ケアプラザ</t>
  </si>
  <si>
    <t>横浜市中山地域ケアプラザ</t>
  </si>
  <si>
    <t>横浜市鴨居地域ケアプラザ</t>
  </si>
  <si>
    <t>横浜市霧が丘地域ケアプラザ</t>
  </si>
  <si>
    <t>横浜市山下地域ケアプラザ</t>
  </si>
  <si>
    <t>横浜市荏田地域ケアプラザ</t>
  </si>
  <si>
    <t>横浜市もえぎ野地域ケアプラザ</t>
  </si>
  <si>
    <t>横浜市さつきが丘地域ケアプラザ</t>
  </si>
  <si>
    <t>横浜市美しが丘地域ケアプラザ</t>
  </si>
  <si>
    <t>横浜市大場地域ケアプラザ</t>
  </si>
  <si>
    <t>横浜市鴨志田地域ケアプラザ</t>
  </si>
  <si>
    <t>横浜市恩田地域ケアプラザ</t>
  </si>
  <si>
    <t>横浜市たまプラーザ地域ケアプラザ</t>
  </si>
  <si>
    <t>横浜市すすき野地域ケアプラザ</t>
  </si>
  <si>
    <t>横浜市葛が谷地域ケアプラザ</t>
  </si>
  <si>
    <t>横浜市加賀原地域ケアプラザ</t>
  </si>
  <si>
    <t>横浜市新栄地域ケアプラザ</t>
  </si>
  <si>
    <t>横浜市中川地域ケアプラザ</t>
  </si>
  <si>
    <t>横浜市上矢部地域ケアプラザ</t>
  </si>
  <si>
    <t>横浜市東戸塚地域ケアプラザ</t>
  </si>
  <si>
    <t>横浜市上倉田地域ケアプラザ</t>
  </si>
  <si>
    <t>横浜市平戸地域ケアプラザ</t>
  </si>
  <si>
    <t>横浜市原宿地域ケアプラザ</t>
  </si>
  <si>
    <t>横浜市舞岡柏尾地域ケアプラザ</t>
  </si>
  <si>
    <t>横浜市南戸塚地域ケアプラザ</t>
  </si>
  <si>
    <t>横浜市下倉田地域ケアプラザ</t>
  </si>
  <si>
    <t>横浜市名瀬地域ケアプラザ</t>
  </si>
  <si>
    <t>横浜市深谷俣野地域ケアプラザ</t>
  </si>
  <si>
    <t>横浜市豊田地域ケアプラザ</t>
  </si>
  <si>
    <t>横浜市中野地域ケアプラザ</t>
  </si>
  <si>
    <t>横浜市桂台地域ケアプラザ</t>
  </si>
  <si>
    <t>横浜市小菅ケ谷地域ケアプラザ</t>
  </si>
  <si>
    <t>横浜市笠間地域ケアプラザ</t>
  </si>
  <si>
    <t>横浜市野七里地域ケアプラザ</t>
  </si>
  <si>
    <t>横浜市本郷台駅前地域ケアプラザ</t>
  </si>
  <si>
    <t>横浜市上飯田地域ケアプラザ</t>
  </si>
  <si>
    <t>横浜市下和泉地域ケアプラザ</t>
  </si>
  <si>
    <t>横浜市踊場地域ケアプラザ</t>
  </si>
  <si>
    <t>横浜市いずみ中央地域ケアプラザ</t>
  </si>
  <si>
    <t>横浜市新橋地域ケアプラザ</t>
  </si>
  <si>
    <t>横浜市いずみ野地域ケアプラザ</t>
  </si>
  <si>
    <t>横浜市岡津地域ケアプラザ</t>
  </si>
  <si>
    <t>横浜市二ツ橋地域ケアプラザ</t>
  </si>
  <si>
    <t>横浜市阿久和地域ケアプラザ</t>
  </si>
  <si>
    <t>横浜市中屋敷地域ケアプラザ</t>
  </si>
  <si>
    <t>横浜市下瀬谷地域ケアプラザ</t>
  </si>
  <si>
    <t>横浜市二ツ橋第二地域ケアプラザ</t>
  </si>
  <si>
    <t>南区福祉保健センター高齢・障害支援課</t>
    <phoneticPr fontId="1"/>
  </si>
  <si>
    <t>中区福祉保健センター高齢・障害支援課</t>
    <phoneticPr fontId="1"/>
  </si>
  <si>
    <t>西区福祉保健センター高齢・障害支援課</t>
    <phoneticPr fontId="1"/>
  </si>
  <si>
    <t>神奈川区福祉保健センター高齢・障害支援課</t>
    <phoneticPr fontId="1"/>
  </si>
  <si>
    <t>鶴見区福祉保健センター高齢・障害支援課</t>
    <phoneticPr fontId="1"/>
  </si>
  <si>
    <t>港南区福祉保健センター高齢・障害支援課</t>
    <phoneticPr fontId="1"/>
  </si>
  <si>
    <t>保土ケ谷区福祉保健センター高齢・障害支援課</t>
    <phoneticPr fontId="1"/>
  </si>
  <si>
    <t>旭区福祉保健センター高齢・障害支援課</t>
    <phoneticPr fontId="1"/>
  </si>
  <si>
    <t>磯子区福祉保健センター高齢・障害支援課</t>
    <phoneticPr fontId="1"/>
  </si>
  <si>
    <t>金沢区福祉保健センター高齢・障害支援課</t>
    <phoneticPr fontId="1"/>
  </si>
  <si>
    <t>港北区福祉保健センター高齢・障害支援課</t>
    <phoneticPr fontId="1"/>
  </si>
  <si>
    <t>緑区福祉保健センター高齢・障害支援課</t>
    <phoneticPr fontId="1"/>
  </si>
  <si>
    <t>青葉区福祉保健センター高齢・障害支援課</t>
    <phoneticPr fontId="1"/>
  </si>
  <si>
    <t>都筑区福祉保健センター高齢・障害支援課</t>
    <phoneticPr fontId="1"/>
  </si>
  <si>
    <t>戸塚区福祉保健センター高齢・障害支援課</t>
    <phoneticPr fontId="1"/>
  </si>
  <si>
    <t>栄区福祉保健センター高齢・障害支援課</t>
    <phoneticPr fontId="1"/>
  </si>
  <si>
    <t>泉区福祉保健センター高齢・障害支援課</t>
    <phoneticPr fontId="1"/>
  </si>
  <si>
    <t>瀬谷区福祉保健センター高齢・障害支援課</t>
    <phoneticPr fontId="1"/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保健福祉センター福祉課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六会市民センター地区福祉窓口</t>
    <phoneticPr fontId="1"/>
  </si>
  <si>
    <t>横浜市</t>
    <rPh sb="0" eb="3">
      <t>ヨコハマシ</t>
    </rPh>
    <phoneticPr fontId="1"/>
  </si>
  <si>
    <t>窓口</t>
    <rPh sb="0" eb="2">
      <t>マドグチ</t>
    </rPh>
    <phoneticPr fontId="1"/>
  </si>
  <si>
    <t>所在地</t>
    <rPh sb="0" eb="3">
      <t>ショザイチ</t>
    </rPh>
    <phoneticPr fontId="1"/>
  </si>
  <si>
    <t>問合せ先</t>
    <rPh sb="0" eb="2">
      <t>トイアワ</t>
    </rPh>
    <rPh sb="3" eb="4">
      <t>サキ</t>
    </rPh>
    <phoneticPr fontId="1"/>
  </si>
  <si>
    <t>鶴見区鶴見中央3-20-1</t>
  </si>
  <si>
    <t>鶴見区本町通４-171-23</t>
  </si>
  <si>
    <t>鶴見区矢向４-32-11</t>
  </si>
  <si>
    <t>鶴見区東寺尾6-37-14</t>
  </si>
  <si>
    <t>鶴見区東寺尾1-12-3</t>
  </si>
  <si>
    <t>鶴見区駒岡４-28-5</t>
  </si>
  <si>
    <t>鶴見区市場下町11-5</t>
  </si>
  <si>
    <t>鶴見区鶴見中央1-23-26</t>
  </si>
  <si>
    <t>鶴見区生麦4-6-4</t>
  </si>
  <si>
    <t>鶴見区馬場7-11-23</t>
  </si>
  <si>
    <t>神奈川区広台太田町3-8</t>
  </si>
  <si>
    <t>神奈川区反町1-11-2</t>
  </si>
  <si>
    <t>神奈川区神之木町7-1</t>
  </si>
  <si>
    <t>神奈川区菅田町1718-1</t>
  </si>
  <si>
    <t>神奈川区三枚町199-4</t>
  </si>
  <si>
    <t>神奈川区新子安1-2-4</t>
  </si>
  <si>
    <t>神奈川区沢渡56-1</t>
  </si>
  <si>
    <t>神奈川区六角橋3-3-13</t>
  </si>
  <si>
    <t>西区中央1-5-10</t>
  </si>
  <si>
    <t>西区浅間台６</t>
  </si>
  <si>
    <t>西区藤棚町２-198</t>
  </si>
  <si>
    <t>西区宮崎町２</t>
  </si>
  <si>
    <t>西区戸部本町50-33</t>
  </si>
  <si>
    <t>中区日本大通35</t>
  </si>
  <si>
    <t>中区新山下3-15-5</t>
  </si>
  <si>
    <t>中区本町6-50-10 横浜市役所15階</t>
    <phoneticPr fontId="1"/>
  </si>
  <si>
    <t>中区不老町3-15-2</t>
  </si>
  <si>
    <t>中区麦田町1-26-2</t>
  </si>
  <si>
    <t>中区本牧原6-1</t>
  </si>
  <si>
    <t>中区簑沢13-204</t>
  </si>
  <si>
    <t>中区本牧和田35-13</t>
  </si>
  <si>
    <t>南区浦舟町2-33</t>
  </si>
  <si>
    <t>南区大岡1-14-1</t>
  </si>
  <si>
    <t>南区清水ケ丘49</t>
  </si>
  <si>
    <t>南区永田南2-16-31</t>
  </si>
  <si>
    <t>南区六ツ川2-3-211</t>
  </si>
  <si>
    <t>南区浦舟町3-46</t>
  </si>
  <si>
    <t>南区中村町2-120-3</t>
  </si>
  <si>
    <t>南区睦町1-31-1</t>
  </si>
  <si>
    <t>南区別所1-7-23</t>
  </si>
  <si>
    <t>港南区港南4-2-10</t>
  </si>
  <si>
    <t>港南区港南台3-3-1</t>
  </si>
  <si>
    <t>港南区東永谷1-1-12</t>
  </si>
  <si>
    <t>港南区下永谷3-33-5</t>
  </si>
  <si>
    <t>港南区野庭町612</t>
  </si>
  <si>
    <t>港南区笹下3-11-1</t>
  </si>
  <si>
    <t>港南区港南4-2-7</t>
  </si>
  <si>
    <t>港南区日野南3-1-11</t>
  </si>
  <si>
    <t>港南区芹が谷2-16-12</t>
  </si>
  <si>
    <t>港南区日限山1-66-55</t>
  </si>
  <si>
    <t>保土ケ谷区川辺町2-9</t>
  </si>
  <si>
    <t>保土ケ谷区岩崎町37-5</t>
  </si>
  <si>
    <t>保土ケ谷区今井町412-8</t>
  </si>
  <si>
    <t>保土ケ谷区川辺町5-11</t>
  </si>
  <si>
    <t>保土ケ谷区常盤台53-2</t>
  </si>
  <si>
    <t>保土ケ谷区川島町360-2</t>
  </si>
  <si>
    <t>旭区鶴ケ峰1-4-12</t>
  </si>
  <si>
    <t>旭区万騎が原4</t>
  </si>
  <si>
    <t>旭区上白根町112</t>
  </si>
  <si>
    <t>旭区左近山1186-2</t>
  </si>
  <si>
    <t>旭区川井本町57-8</t>
  </si>
  <si>
    <t>旭区若葉台4-16-1</t>
  </si>
  <si>
    <t>旭区鶴ケ峰1-38-3</t>
  </si>
  <si>
    <t>旭区今宿町2647-2</t>
  </si>
  <si>
    <t>旭区上白根町807-2</t>
  </si>
  <si>
    <t>旭区南希望が丘72-3</t>
  </si>
  <si>
    <t>旭区今宿西町410-1</t>
  </si>
  <si>
    <t>旭区笹野台2-32-1</t>
  </si>
  <si>
    <t>旭区白根2-3-18　パール横浜白根ビル2階</t>
  </si>
  <si>
    <t>旭区二俣川2-50-14COPRE　二俣川商業・業務棟６階</t>
    <phoneticPr fontId="1"/>
  </si>
  <si>
    <t>保土ケ谷区仏向町1262-3</t>
    <phoneticPr fontId="1"/>
  </si>
  <si>
    <t>磯子区磯子3-5-1</t>
  </si>
  <si>
    <t>磯子区馬場町1-42</t>
  </si>
  <si>
    <t>磯子区新杉田町8-7</t>
  </si>
  <si>
    <t>磯子区洋光台6-7-1</t>
  </si>
  <si>
    <t>磯子区磯子3-1-22</t>
  </si>
  <si>
    <t>磯子区滝頭2-30-1</t>
  </si>
  <si>
    <t>磯子区森4-1-17</t>
  </si>
  <si>
    <t>磯子区氷取沢町60-17</t>
  </si>
  <si>
    <t>金沢区泥亀2-9-1</t>
  </si>
  <si>
    <t>金沢区富岡東2-5-31</t>
  </si>
  <si>
    <t>金沢区六浦5-20-2</t>
  </si>
  <si>
    <t>金沢区泥亀1-21-5</t>
  </si>
  <si>
    <t>金沢区富岡西7-16-1</t>
  </si>
  <si>
    <t>金沢区釜利谷南2-8-1</t>
  </si>
  <si>
    <t>金沢区能見台東2-1</t>
  </si>
  <si>
    <t>金沢区釜利谷南3-22-3</t>
  </si>
  <si>
    <t>金沢区富岡東4-13-3</t>
  </si>
  <si>
    <t>金沢区柳町1-4</t>
  </si>
  <si>
    <t>港北区大豆戸町26-1</t>
  </si>
  <si>
    <t>港北区鳥山町1770</t>
  </si>
  <si>
    <t>港北区新吉田町6001-6</t>
  </si>
  <si>
    <t>港北区篠原東2-15-27</t>
  </si>
  <si>
    <t>港北区高田西2-14-6</t>
  </si>
  <si>
    <t>港北区下田町4-1-1</t>
  </si>
  <si>
    <t>港北区大豆戸町316-1</t>
  </si>
  <si>
    <t>港北区樽町1-22-46</t>
  </si>
  <si>
    <t>港北区小机町2484-4</t>
  </si>
  <si>
    <t>港北区日吉本町4-10-A</t>
  </si>
  <si>
    <t>港北区新羽町1240-1</t>
  </si>
  <si>
    <t>緑区寺山町118</t>
  </si>
  <si>
    <t>緑区十日市場町825-1</t>
  </si>
  <si>
    <t>緑区長津田2-11-2</t>
  </si>
  <si>
    <t>緑区中山2-1-1</t>
  </si>
  <si>
    <t>緑区東本郷5-5-6</t>
  </si>
  <si>
    <t>緑区鴨居5-29-8</t>
  </si>
  <si>
    <t>横浜市東本郷地域ケアプラザ</t>
    <phoneticPr fontId="1"/>
  </si>
  <si>
    <t>緑区霧が丘3-23</t>
  </si>
  <si>
    <t>青葉区市ケ尾町31-4</t>
  </si>
  <si>
    <t>青葉区荏田町494-7</t>
  </si>
  <si>
    <t>青葉区もえぎ野4-2</t>
  </si>
  <si>
    <t>青葉区さつきが丘12-1</t>
  </si>
  <si>
    <t>青葉区美しが丘4-32-7</t>
  </si>
  <si>
    <t>青葉区大場町383-3</t>
  </si>
  <si>
    <t>青葉区鴨志田町547-3</t>
  </si>
  <si>
    <t>青葉区市ケ尾町25-6</t>
  </si>
  <si>
    <t>青葉区青葉台2-8-22</t>
  </si>
  <si>
    <t>青葉区あかね台2-8-4</t>
  </si>
  <si>
    <t>青葉区新石川2-1-15</t>
  </si>
  <si>
    <t>青葉区すすき野1-8-21</t>
  </si>
  <si>
    <t>都筑区茅ケ崎中央32-1</t>
  </si>
  <si>
    <t>都筑区葛が谷16-3</t>
  </si>
  <si>
    <t>都筑区東山田町270</t>
  </si>
  <si>
    <t>都筑区加賀原1-22-32</t>
  </si>
  <si>
    <t>都筑区新栄町19-19</t>
  </si>
  <si>
    <t>都筑区中川1-1-1</t>
  </si>
  <si>
    <t>戸塚区戸塚町16-17</t>
  </si>
  <si>
    <t>戸塚区上矢部町2342</t>
  </si>
  <si>
    <t>戸塚区川上町4-4</t>
  </si>
  <si>
    <t>戸塚区上倉田町259-11</t>
  </si>
  <si>
    <t>戸塚区汲沢町986</t>
  </si>
  <si>
    <t>戸塚区平戸2-33-57</t>
  </si>
  <si>
    <t>戸塚区原宿4-36-1</t>
  </si>
  <si>
    <t>戸塚区舞岡町3705-10</t>
  </si>
  <si>
    <t>戸塚区戸塚町2626-13</t>
  </si>
  <si>
    <t>戸塚区下倉田町1951-8</t>
  </si>
  <si>
    <t>戸塚区名瀬町791-14</t>
  </si>
  <si>
    <t>栄区桂町303-19</t>
  </si>
  <si>
    <t>栄区飯島町1368-10</t>
  </si>
  <si>
    <t>栄区中野町400-2</t>
  </si>
  <si>
    <t>栄区桂台中4-5</t>
  </si>
  <si>
    <t>栄区小菅ケ谷3-32-12</t>
  </si>
  <si>
    <t>栄区笠間1-1-1</t>
  </si>
  <si>
    <t>栄区野七里1-2-31</t>
  </si>
  <si>
    <t>泉区和泉中央北5-1-1</t>
  </si>
  <si>
    <t>泉区上飯田町1338-1</t>
  </si>
  <si>
    <t>泉区和泉が丘1-26-1</t>
  </si>
  <si>
    <t>泉区中田東1-4-6</t>
  </si>
  <si>
    <t>泉区和泉中央北5-14-1</t>
  </si>
  <si>
    <t>泉区新橋町33-1</t>
  </si>
  <si>
    <t>泉区和泉町6214-1</t>
  </si>
  <si>
    <t>瀬谷区二ツ橋町190</t>
  </si>
  <si>
    <t>瀬谷区二ツ橋町83-4</t>
  </si>
  <si>
    <t>瀬谷区阿久和南2-9-2</t>
  </si>
  <si>
    <t>瀬谷区中屋敷2-18-6</t>
  </si>
  <si>
    <t>瀬谷区下瀬谷2-44-6</t>
  </si>
  <si>
    <t>瀬谷区二ツ橋町469</t>
  </si>
  <si>
    <t>市町村名</t>
    <rPh sb="0" eb="3">
      <t>シチョウソン</t>
    </rPh>
    <rPh sb="3" eb="4">
      <t>メイ</t>
    </rPh>
    <phoneticPr fontId="1"/>
  </si>
  <si>
    <t xml:space="preserve">
横浜市健康福祉局障害施策推進課
(電話)045-671-3598 
（Fax)045-671-3566
※ 各区福祉保健ｾﾝﾀｰでの配布は、平日午前８時４５分から午後５時まで。
お一人様一つの配布となります。障害者手帳、本人確認書類等の提示、申請書等の提出は不要です。
※ 市役所障害施策推進課、横浜市総合リハビリテーションセンターでの配布は、平日午前８時 45 分から午後５時 15 分まで 。
※ 各区の地域ケアプラザでの配布は、平日・土曜日は午前９時から午後６時まで。
日曜日・祝日は午前９時から午後５時まで。  (いずれも年末年始、施設点検日を除く) 
</t>
    <phoneticPr fontId="1"/>
  </si>
  <si>
    <t>栄区小菅ケ谷1-5-4 SAKAESTA 2階</t>
    <phoneticPr fontId="1"/>
  </si>
  <si>
    <r>
      <t>川崎駅北口行政サービス施設</t>
    </r>
    <r>
      <rPr>
        <sz val="10"/>
        <color theme="1"/>
        <rFont val="ＭＳ Ｐゴシック"/>
        <family val="3"/>
        <charset val="128"/>
        <scheme val="minor"/>
      </rPr>
      <t>（かわさき　きたテラス）</t>
    </r>
    <rPh sb="0" eb="2">
      <t>カワサキ</t>
    </rPh>
    <rPh sb="2" eb="3">
      <t>エキ</t>
    </rPh>
    <rPh sb="3" eb="5">
      <t>キタグチ</t>
    </rPh>
    <rPh sb="5" eb="7">
      <t>ギョウセイ</t>
    </rPh>
    <rPh sb="11" eb="13">
      <t>シセツ</t>
    </rPh>
    <phoneticPr fontId="1"/>
  </si>
  <si>
    <t xml:space="preserve">川崎区大島 1-8-6 南部身体障害者福祉会館３階 </t>
  </si>
  <si>
    <t xml:space="preserve">川崎区日進町５-１川崎市複合福祉センター2 階 </t>
  </si>
  <si>
    <t xml:space="preserve">中原区井田 3-16-1 </t>
  </si>
  <si>
    <t xml:space="preserve">麻生区百合丘 2-8-2 </t>
  </si>
  <si>
    <t>川崎区宮本町１番地　12階</t>
  </si>
  <si>
    <t>（電話）044-200-2676</t>
  </si>
  <si>
    <t>中原区井田三舞町 14-16</t>
  </si>
  <si>
    <t xml:space="preserve">（電話）044-798-8800 </t>
    <phoneticPr fontId="1"/>
  </si>
  <si>
    <t>川崎区堤根 34-15 ふれあいプラザかわさき３階</t>
  </si>
  <si>
    <t xml:space="preserve">川崎区駅前本町 26－1 アトレ川崎 3 階
川崎駅北口通路 </t>
    <phoneticPr fontId="1"/>
  </si>
  <si>
    <t>川崎区東田町 8 川崎区役所３階</t>
    <rPh sb="9" eb="10">
      <t>カワ</t>
    </rPh>
    <rPh sb="10" eb="11">
      <t>サキ</t>
    </rPh>
    <rPh sb="11" eb="14">
      <t>クヤクショ</t>
    </rPh>
    <rPh sb="15" eb="16">
      <t>カイ</t>
    </rPh>
    <phoneticPr fontId="1"/>
  </si>
  <si>
    <t xml:space="preserve">中原区小杉町 3-245 中原区役所３階 </t>
    <phoneticPr fontId="1"/>
  </si>
  <si>
    <t>高津区下作延 2-8-1 高津区役所４階</t>
    <phoneticPr fontId="1"/>
  </si>
  <si>
    <t>宮前区宮前平 2-20-5 宮前区役所３階</t>
    <phoneticPr fontId="1"/>
  </si>
  <si>
    <t>多摩区登戸 1775-1多摩区役所８階</t>
    <phoneticPr fontId="1"/>
  </si>
  <si>
    <t>麻生区万福寺 1-5-1麻生区役所２階</t>
    <phoneticPr fontId="1"/>
  </si>
  <si>
    <t>川崎区新川通12-1</t>
  </si>
  <si>
    <t>中原区井田2-27-1</t>
  </si>
  <si>
    <t>多摩区宿河原1-30-37</t>
  </si>
  <si>
    <t>横浜市上永谷駅前ケアプラザ</t>
    <rPh sb="0" eb="3">
      <t>ヨコハマシ</t>
    </rPh>
    <rPh sb="3" eb="6">
      <t>カミナガヤ</t>
    </rPh>
    <rPh sb="6" eb="8">
      <t>エキマエ</t>
    </rPh>
    <phoneticPr fontId="1"/>
  </si>
  <si>
    <t>港南区丸山台1-9-10</t>
    <rPh sb="0" eb="3">
      <t>コウナンク</t>
    </rPh>
    <rPh sb="3" eb="6">
      <t>マルヤマダイ</t>
    </rPh>
    <phoneticPr fontId="1"/>
  </si>
  <si>
    <t>横浜市上菅田地域ケアプラザ</t>
    <rPh sb="0" eb="3">
      <t>ヨコハマシ</t>
    </rPh>
    <phoneticPr fontId="1"/>
  </si>
  <si>
    <t>神奈川区</t>
    <rPh sb="0" eb="4">
      <t>カナガワク</t>
    </rPh>
    <phoneticPr fontId="1"/>
  </si>
  <si>
    <t>西区</t>
    <rPh sb="0" eb="2">
      <t>ニシク</t>
    </rPh>
    <phoneticPr fontId="1"/>
  </si>
  <si>
    <t>中区</t>
    <rPh sb="0" eb="2">
      <t>ナカク</t>
    </rPh>
    <phoneticPr fontId="1"/>
  </si>
  <si>
    <t>鶴見区</t>
    <rPh sb="0" eb="3">
      <t>ツルミク</t>
    </rPh>
    <phoneticPr fontId="1"/>
  </si>
  <si>
    <t>南区</t>
    <rPh sb="0" eb="2">
      <t>ミナミク</t>
    </rPh>
    <phoneticPr fontId="1"/>
  </si>
  <si>
    <t>港南区</t>
    <rPh sb="0" eb="3">
      <t>コウナンク</t>
    </rPh>
    <phoneticPr fontId="1"/>
  </si>
  <si>
    <t>保土ケ谷区</t>
    <rPh sb="0" eb="4">
      <t>ホドガヤ</t>
    </rPh>
    <rPh sb="4" eb="5">
      <t>ク</t>
    </rPh>
    <phoneticPr fontId="1"/>
  </si>
  <si>
    <t>旭区</t>
    <rPh sb="0" eb="2">
      <t>アサヒク</t>
    </rPh>
    <phoneticPr fontId="1"/>
  </si>
  <si>
    <t>磯子区</t>
    <rPh sb="0" eb="3">
      <t>イソゴク</t>
    </rPh>
    <phoneticPr fontId="1"/>
  </si>
  <si>
    <t>金沢区</t>
    <rPh sb="0" eb="3">
      <t>カナザワク</t>
    </rPh>
    <phoneticPr fontId="1"/>
  </si>
  <si>
    <t>港北区</t>
    <rPh sb="0" eb="3">
      <t>コウホクク</t>
    </rPh>
    <phoneticPr fontId="1"/>
  </si>
  <si>
    <t>緑区</t>
    <rPh sb="0" eb="2">
      <t>ミドリク</t>
    </rPh>
    <phoneticPr fontId="1"/>
  </si>
  <si>
    <t>青葉区</t>
    <rPh sb="0" eb="3">
      <t>アオバク</t>
    </rPh>
    <phoneticPr fontId="1"/>
  </si>
  <si>
    <t>都筑区</t>
    <rPh sb="0" eb="3">
      <t>ツヅキク</t>
    </rPh>
    <phoneticPr fontId="1"/>
  </si>
  <si>
    <t>戸塚区</t>
    <rPh sb="0" eb="3">
      <t>トツカク</t>
    </rPh>
    <phoneticPr fontId="1"/>
  </si>
  <si>
    <t>栄区</t>
    <rPh sb="0" eb="2">
      <t>サカエク</t>
    </rPh>
    <phoneticPr fontId="1"/>
  </si>
  <si>
    <t>泉区</t>
    <rPh sb="0" eb="2">
      <t>イズミク</t>
    </rPh>
    <phoneticPr fontId="1"/>
  </si>
  <si>
    <t>瀬谷区</t>
    <rPh sb="0" eb="3">
      <t>セヤク</t>
    </rPh>
    <phoneticPr fontId="1"/>
  </si>
  <si>
    <t xml:space="preserve">（電話）044-244-3975 </t>
    <phoneticPr fontId="1"/>
  </si>
  <si>
    <t xml:space="preserve">（電話）044-222-1611 </t>
  </si>
  <si>
    <t xml:space="preserve">（電話）044-200-2022 </t>
  </si>
  <si>
    <t>（電話）044-200-0834</t>
  </si>
  <si>
    <t>（電話）044-750-0686</t>
  </si>
  <si>
    <t xml:space="preserve">（電話）044-281-6621 </t>
  </si>
  <si>
    <t xml:space="preserve">（電話）044-201-3215 </t>
  </si>
  <si>
    <t xml:space="preserve">（電話）044-556-6654 </t>
  </si>
  <si>
    <t xml:space="preserve">（電話）044-744-3382 </t>
  </si>
  <si>
    <t xml:space="preserve">（電話）044-856-3304 </t>
  </si>
  <si>
    <t>（電話）044-965-5159</t>
  </si>
  <si>
    <t>（電話）044-233-5521</t>
  </si>
  <si>
    <t>（電話）044-766-2188</t>
  </si>
  <si>
    <t>（電話）044-933-8111</t>
  </si>
  <si>
    <t>城山福祉相談センター</t>
  </si>
  <si>
    <t>津久井高齢・障害者相談課</t>
  </si>
  <si>
    <t>相模湖福祉相談センター</t>
  </si>
  <si>
    <t>藤野福祉相談センター</t>
  </si>
  <si>
    <t>視覚障害者情報センター</t>
  </si>
  <si>
    <t>橋本地域包括支援センター</t>
  </si>
  <si>
    <t>相原地域包括支援センター</t>
  </si>
  <si>
    <t>大沢地域包括支援センター</t>
  </si>
  <si>
    <t>城山地域包括支援センター</t>
  </si>
  <si>
    <t>津久井地域包括支援センター</t>
  </si>
  <si>
    <t>相模湖地域包括支援センター</t>
  </si>
  <si>
    <t>藤野地域包括支援センター</t>
  </si>
  <si>
    <t>小山地域包括支援センター</t>
  </si>
  <si>
    <t>清新地域包括支援センター</t>
  </si>
  <si>
    <t>横山地域包括支援センター</t>
  </si>
  <si>
    <t>中央地域包括支援センター</t>
  </si>
  <si>
    <t>星が丘地域包括支援センター</t>
  </si>
  <si>
    <t>光が丘地域包括支援センター</t>
  </si>
  <si>
    <t>大野北第1地域包括支援センター</t>
  </si>
  <si>
    <t>大野北第2地域包括支援センター</t>
  </si>
  <si>
    <t>田名地域包括支援センター</t>
  </si>
  <si>
    <t>上溝地域包括支援センター</t>
  </si>
  <si>
    <t>大野中地域包括支援センター</t>
  </si>
  <si>
    <t>大沼地域包括支援センター</t>
  </si>
  <si>
    <t>大野台地域包括支援センター</t>
  </si>
  <si>
    <t>大野南地域包括支援センター</t>
  </si>
  <si>
    <t>上鶴間地域包括支援センター</t>
  </si>
  <si>
    <t>麻溝地域包括支援センター</t>
  </si>
  <si>
    <t>新磯地域包括支援センター</t>
  </si>
  <si>
    <t>相模台第1地域包括支援センター</t>
  </si>
  <si>
    <t>相模台第2地域包括支援センター</t>
  </si>
  <si>
    <t>相武台地域包括支援センター</t>
  </si>
  <si>
    <t>東林第1地域包括支援センター</t>
  </si>
  <si>
    <t>東林第2地域包括支援センター</t>
  </si>
  <si>
    <t>市役所本館４階</t>
  </si>
  <si>
    <t>緑区合同庁舎3階</t>
  </si>
  <si>
    <t>津久井保健センター1階</t>
  </si>
  <si>
    <t>相模湖総合事務所2階</t>
  </si>
  <si>
    <t>藤野総合事務所2階</t>
  </si>
  <si>
    <t>南保健福祉センター3階</t>
  </si>
  <si>
    <t>ウェルネスさがみはらA館1階</t>
    <phoneticPr fontId="1"/>
  </si>
  <si>
    <t>ウェルネスさがみはらA館2階</t>
    <phoneticPr fontId="1"/>
  </si>
  <si>
    <t>緑区西橋本3-1-14</t>
  </si>
  <si>
    <t>緑区二本松3-4-7</t>
  </si>
  <si>
    <t>緑区大島1556（特別養護老人ホーム中の郷ユニット型内）</t>
    <rPh sb="26" eb="27">
      <t>ナイ</t>
    </rPh>
    <phoneticPr fontId="1"/>
  </si>
  <si>
    <t>緑区中野966-5</t>
  </si>
  <si>
    <t>相模湖総合事務所1階</t>
  </si>
  <si>
    <t>藤野総合事務所4階</t>
  </si>
  <si>
    <t>中央区宮下1-1-21</t>
  </si>
  <si>
    <t>中央区清新3-6-1</t>
  </si>
  <si>
    <t>中央区横山1-2-15グリーンハイム1階</t>
    <phoneticPr fontId="1"/>
  </si>
  <si>
    <t>中央区千代田1-6-2アスカマンション1-C号室</t>
    <phoneticPr fontId="1"/>
  </si>
  <si>
    <t>中央区千代田5-3-19</t>
  </si>
  <si>
    <t>中央区光が丘2-18-87（光が丘ふれあいセンター内）</t>
    <phoneticPr fontId="1"/>
  </si>
  <si>
    <t>中央区鹿沼台1-3-17　ヴィアーレ鹿沼台1-C</t>
    <phoneticPr fontId="1"/>
  </si>
  <si>
    <t>中央区田名1262-5　D＋STYLE上田名ビル1階</t>
    <phoneticPr fontId="1"/>
  </si>
  <si>
    <t>中央区淵野辺3-6-17　まいづるビル１階</t>
    <rPh sb="20" eb="21">
      <t>カイ</t>
    </rPh>
    <phoneticPr fontId="1"/>
  </si>
  <si>
    <t>中央区上溝7-16-13</t>
  </si>
  <si>
    <t>南区古淵3-28-1　ランバーパート6　1階</t>
    <phoneticPr fontId="1"/>
  </si>
  <si>
    <t>南区若松4-17-13　ソフィアビル　1階</t>
    <phoneticPr fontId="1"/>
  </si>
  <si>
    <t>南区大野台5-25-10</t>
    <phoneticPr fontId="1"/>
  </si>
  <si>
    <t>南区相模大野3-1-33　丸徳ビル　1階7号</t>
    <phoneticPr fontId="1"/>
  </si>
  <si>
    <t>南区上鶴間本町6-28-14</t>
    <phoneticPr fontId="1"/>
  </si>
  <si>
    <t>南区下溝756-6（三和麻溝店Ｂ館3階）</t>
    <phoneticPr fontId="1"/>
  </si>
  <si>
    <t>南区新戸1716（新戸デイサービスセンター内）</t>
    <phoneticPr fontId="1"/>
  </si>
  <si>
    <t>南区南台5-12-21　品田ビル1-Ａ</t>
    <phoneticPr fontId="1"/>
  </si>
  <si>
    <t>南区麻溝台6-26-4　旭マンション1階</t>
    <phoneticPr fontId="1"/>
  </si>
  <si>
    <t>相武台まちづくりセンター・公民館内</t>
    <phoneticPr fontId="1"/>
  </si>
  <si>
    <t>南区東林間5-5-1</t>
  </si>
  <si>
    <r>
      <t>城山総合事務所</t>
    </r>
    <r>
      <rPr>
        <sz val="12"/>
        <rFont val="ＭＳ Ｐゴシック"/>
        <family val="3"/>
        <charset val="128"/>
        <scheme val="minor"/>
      </rPr>
      <t>本館1階</t>
    </r>
  </si>
  <si>
    <r>
      <t>城山総</t>
    </r>
    <r>
      <rPr>
        <sz val="12"/>
        <rFont val="ＭＳ Ｐゴシック"/>
        <family val="3"/>
        <charset val="128"/>
        <scheme val="minor"/>
      </rPr>
      <t>合事務所本館1階</t>
    </r>
  </si>
  <si>
    <t>南区松が枝町15-11CLLエクセレンス松が枝Ⅰ106号室</t>
    <rPh sb="0" eb="2">
      <t>ミナミク</t>
    </rPh>
    <rPh sb="2" eb="3">
      <t>マツ</t>
    </rPh>
    <rPh sb="4" eb="5">
      <t>エダ</t>
    </rPh>
    <rPh sb="5" eb="6">
      <t>マチ</t>
    </rPh>
    <rPh sb="20" eb="21">
      <t>マツ</t>
    </rPh>
    <rPh sb="22" eb="23">
      <t>エダ</t>
    </rPh>
    <rPh sb="27" eb="29">
      <t>ゴウシツ</t>
    </rPh>
    <phoneticPr fontId="1"/>
  </si>
  <si>
    <t>（電話）042-707-7055</t>
  </si>
  <si>
    <t>（電話）042-775-8810</t>
  </si>
  <si>
    <t>（電話）042-783-8136</t>
  </si>
  <si>
    <t>（電話）042-780-1412</t>
  </si>
  <si>
    <t>（電話）042-684-3215</t>
  </si>
  <si>
    <t>（電話）042-687-5511</t>
  </si>
  <si>
    <t>（電話）042-769-9266</t>
  </si>
  <si>
    <t>（電話）042-701-7722</t>
  </si>
  <si>
    <t>（電話）042-769-8275</t>
  </si>
  <si>
    <t>（電話）042-773-5812</t>
  </si>
  <si>
    <t>（電話）042-703-5088</t>
  </si>
  <si>
    <t>（電話）042-760-1210</t>
  </si>
  <si>
    <t>（電話）042-783-0030</t>
  </si>
  <si>
    <t>（電話）042-780-5790</t>
  </si>
  <si>
    <t>（電話）042-684-9065</t>
  </si>
  <si>
    <t>（電話）042-686-6705</t>
  </si>
  <si>
    <t>（電話）042-771-3381</t>
  </si>
  <si>
    <t>（電話）042-707-0822</t>
  </si>
  <si>
    <t>（電話）042-751-6662</t>
  </si>
  <si>
    <t>（電話）042-730-3886</t>
  </si>
  <si>
    <t>（電話）042-758-7719</t>
  </si>
  <si>
    <t>（電話）042-750-1067</t>
  </si>
  <si>
    <t>（電話）042-704-9551</t>
  </si>
  <si>
    <t>（電話）042-768-2195</t>
  </si>
  <si>
    <t>（電話）042-764-6831</t>
  </si>
  <si>
    <t>（電話）042-760-7055</t>
  </si>
  <si>
    <t>（電話）042-701-0511</t>
  </si>
  <si>
    <t>（電話）042-705-5435</t>
  </si>
  <si>
    <t>（電話）042-758-8278</t>
  </si>
  <si>
    <t>（電話）042-767-3701</t>
  </si>
  <si>
    <t>（電話）042-767-2731</t>
  </si>
  <si>
    <t>（電話）042-777-6858</t>
  </si>
  <si>
    <t>（電話）046-252-7646</t>
  </si>
  <si>
    <t>（電話）042-767-3888</t>
  </si>
  <si>
    <t>（電話）042-741-6665</t>
  </si>
  <si>
    <t>（電話）046-206-5571</t>
  </si>
  <si>
    <t>（電話）042-740-7708</t>
  </si>
  <si>
    <t>（電話）042-705-8278</t>
  </si>
  <si>
    <t xml:space="preserve">横須賀市小川町 11 番地 </t>
  </si>
  <si>
    <t xml:space="preserve">横須賀市本町 2-1 総合福祉会館４階 </t>
  </si>
  <si>
    <t xml:space="preserve">横須賀市夏島町 9 </t>
  </si>
  <si>
    <t xml:space="preserve">横須賀市船越町 6-77 </t>
  </si>
  <si>
    <t xml:space="preserve">横須賀市東逸見町 2-29 </t>
  </si>
  <si>
    <t xml:space="preserve">横須賀市公郷町 2-11 </t>
  </si>
  <si>
    <t xml:space="preserve">横須賀市大津町 3-34-40 </t>
  </si>
  <si>
    <t xml:space="preserve">横須賀市浦賀 5-1-2 </t>
  </si>
  <si>
    <t xml:space="preserve">横須賀市久里浜 6-14-2 </t>
  </si>
  <si>
    <t xml:space="preserve">横須賀市長沢 2-7-7 </t>
  </si>
  <si>
    <t xml:space="preserve">横須賀市長坂 1-2-2 </t>
  </si>
  <si>
    <t xml:space="preserve">電話）046-822-9839
（Fax） 046-825-6040
</t>
    <phoneticPr fontId="1"/>
  </si>
  <si>
    <t xml:space="preserve">市役所本館 1 階 </t>
  </si>
  <si>
    <t xml:space="preserve">（電話）0463-21-8774 </t>
  </si>
  <si>
    <t xml:space="preserve">市役所本庁舎 1 階 </t>
  </si>
  <si>
    <t xml:space="preserve">市役所本庁舎 1 階 </t>
    <phoneticPr fontId="1"/>
  </si>
  <si>
    <t>（電話）0467-61-3975</t>
  </si>
  <si>
    <t xml:space="preserve">（電話）0467-45-7711 </t>
  </si>
  <si>
    <t>（電話）0467-48-0021</t>
    <phoneticPr fontId="1"/>
  </si>
  <si>
    <t xml:space="preserve">（電話）0467-33-0710 </t>
  </si>
  <si>
    <t>（電話）0467-44-2217</t>
  </si>
  <si>
    <t>（電話）0467-48-3030</t>
  </si>
  <si>
    <t>鎌倉市御成町 20-21鎌倉市福祉センター2 階</t>
    <phoneticPr fontId="1"/>
  </si>
  <si>
    <t xml:space="preserve">（電話）0467-23-1075 </t>
  </si>
  <si>
    <t>こども家庭センター</t>
    <rPh sb="3" eb="5">
      <t>カテイ</t>
    </rPh>
    <phoneticPr fontId="1"/>
  </si>
  <si>
    <t xml:space="preserve">市役所本庁舎 2 階 </t>
  </si>
  <si>
    <t xml:space="preserve">藤沢市鵠沼 2131-1 藤沢市保健所 4 階 </t>
    <phoneticPr fontId="1"/>
  </si>
  <si>
    <t xml:space="preserve">藤沢市亀井野 4-8-1 </t>
  </si>
  <si>
    <t xml:space="preserve">藤沢市石川 1-1-22 </t>
  </si>
  <si>
    <t xml:space="preserve">藤沢市片瀬 3-9-6 </t>
  </si>
  <si>
    <t xml:space="preserve">藤沢市辻堂新町 1-11-23  </t>
  </si>
  <si>
    <t xml:space="preserve">藤沢市打戻 1760-1 </t>
  </si>
  <si>
    <t xml:space="preserve">藤沢市遠藤 2984-3 </t>
  </si>
  <si>
    <t xml:space="preserve">藤沢市長後 513 </t>
  </si>
  <si>
    <t>藤沢市辻堂西海岸2-1-17</t>
  </si>
  <si>
    <t xml:space="preserve">藤沢市善行 1-2-3 </t>
  </si>
  <si>
    <t xml:space="preserve">藤沢市大庭 5406-1 </t>
  </si>
  <si>
    <t xml:space="preserve">藤沢市湘南台 1-8 </t>
  </si>
  <si>
    <t xml:space="preserve">藤沢市鵠沼海岸 2-10-34 </t>
  </si>
  <si>
    <t xml:space="preserve">藤沢市弥勒寺 1-7-7 </t>
  </si>
  <si>
    <t xml:space="preserve">（電話）0466-25-1111
（Fax） 0466-25-7822 
（障がい者支援課）
</t>
    <phoneticPr fontId="1"/>
  </si>
  <si>
    <t>アークロード市民窓口</t>
  </si>
  <si>
    <t>マロニエ住民窓口</t>
  </si>
  <si>
    <t>いずみ住民窓口</t>
  </si>
  <si>
    <t>こゆるぎ住民窓口</t>
  </si>
  <si>
    <t>おだわら障がい者総合相談支援センター　クローバー</t>
    <phoneticPr fontId="1"/>
  </si>
  <si>
    <t>小田原駅東西自由連絡通路内</t>
    <rPh sb="12" eb="13">
      <t>ナイ</t>
    </rPh>
    <phoneticPr fontId="1"/>
  </si>
  <si>
    <t>小田原市中里273-6</t>
  </si>
  <si>
    <t>小田原市飯田岡382-2</t>
  </si>
  <si>
    <t>小田原市羽根尾281-3</t>
  </si>
  <si>
    <t>小田原市酒匂2-32-16（小田原市保健センター）</t>
    <phoneticPr fontId="1"/>
  </si>
  <si>
    <t>（電話）0645-24-3731</t>
  </si>
  <si>
    <t>（電話）0465-47-7000</t>
  </si>
  <si>
    <t>（電話）0465-37-1711</t>
  </si>
  <si>
    <t>（電話）0465-43-0111</t>
  </si>
  <si>
    <t>小田原市久野115-2</t>
    <phoneticPr fontId="1"/>
  </si>
  <si>
    <t>（電話）0465-47-4724</t>
  </si>
  <si>
    <t>（電話）0465-35-5258</t>
  </si>
  <si>
    <t xml:space="preserve">障がい福祉課 </t>
  </si>
  <si>
    <t xml:space="preserve">カフェ・ドットコム </t>
  </si>
  <si>
    <t xml:space="preserve">小出支所 </t>
  </si>
  <si>
    <t xml:space="preserve">辻堂駅前出張所 </t>
  </si>
  <si>
    <t xml:space="preserve">香川駅前出張所 </t>
  </si>
  <si>
    <t xml:space="preserve">ハマミーナ出張所   </t>
  </si>
  <si>
    <t xml:space="preserve">保健所保健予防課 </t>
  </si>
  <si>
    <t xml:space="preserve">市役所分庁舎２階 </t>
  </si>
  <si>
    <t xml:space="preserve">茅ヶ崎市芹沢 888 </t>
  </si>
  <si>
    <t>藤沢市辻堂 2-2-14 ステラ湘南 2 階</t>
    <phoneticPr fontId="1"/>
  </si>
  <si>
    <t xml:space="preserve">茅ヶ崎市香川 5-3-17 </t>
  </si>
  <si>
    <t xml:space="preserve">茅ヶ崎市浜見平 11-1 ハマミーナ 1 階 </t>
    <phoneticPr fontId="1"/>
  </si>
  <si>
    <t>茅ヶ崎市茅ヶ崎 1-8-7</t>
  </si>
  <si>
    <t xml:space="preserve">（電話）0467-81-7159
(障がい福祉課)
（Fax） 0467-82-5157 
(障がい福祉課) 
</t>
    <phoneticPr fontId="1"/>
  </si>
  <si>
    <t>逗子文化プラザ市民交流センター</t>
    <rPh sb="0" eb="2">
      <t>ズシ</t>
    </rPh>
    <rPh sb="2" eb="4">
      <t>ブンカ</t>
    </rPh>
    <rPh sb="7" eb="9">
      <t>シミン</t>
    </rPh>
    <rPh sb="9" eb="11">
      <t>コウリュウ</t>
    </rPh>
    <phoneticPr fontId="1"/>
  </si>
  <si>
    <t>逗子市逗子4-2-11</t>
    <rPh sb="0" eb="3">
      <t>ズシシ</t>
    </rPh>
    <rPh sb="3" eb="5">
      <t>ズシ</t>
    </rPh>
    <phoneticPr fontId="1"/>
  </si>
  <si>
    <t>（電話）046-872-3001</t>
    <rPh sb="1" eb="3">
      <t>デンワ</t>
    </rPh>
    <phoneticPr fontId="1"/>
  </si>
  <si>
    <t xml:space="preserve">（電話）046-873-1111 </t>
  </si>
  <si>
    <t xml:space="preserve">逗子市桜山 5-32-1 </t>
  </si>
  <si>
    <t xml:space="preserve">（電話）046-873-8011 </t>
  </si>
  <si>
    <t>逗子市桜山 5-20-29 逗子市療育教育総合ｾﾝﾀｰ内</t>
    <phoneticPr fontId="1"/>
  </si>
  <si>
    <t>（電話）046-872-2523</t>
    <phoneticPr fontId="1"/>
  </si>
  <si>
    <t xml:space="preserve">市役所分館 2 階 </t>
  </si>
  <si>
    <t xml:space="preserve">（電話）046-882-1111 </t>
  </si>
  <si>
    <t>本町公民館</t>
  </si>
  <si>
    <t>秦野市入船町12-2</t>
  </si>
  <si>
    <t>（電話）0643-84-5100</t>
  </si>
  <si>
    <t>東公民館</t>
  </si>
  <si>
    <t>秦野市東田原1538-3</t>
  </si>
  <si>
    <t>（電話）0643-82-3232</t>
  </si>
  <si>
    <t>西公民館</t>
  </si>
  <si>
    <t>秦野市柳町2-5-36</t>
  </si>
  <si>
    <t>（電話）0643-88-0003</t>
  </si>
  <si>
    <t>北公民館</t>
  </si>
  <si>
    <t>秦野市菩提354-3</t>
  </si>
  <si>
    <t>（電話）0643-75-1678</t>
  </si>
  <si>
    <t>南公民館</t>
  </si>
  <si>
    <t>秦野市今泉598</t>
  </si>
  <si>
    <t>（電話）0643-81-3001</t>
  </si>
  <si>
    <t>大根公民館</t>
  </si>
  <si>
    <t>秦野市南矢名3-16-22</t>
  </si>
  <si>
    <t>（電話）0643-77-7421</t>
  </si>
  <si>
    <t>鶴巻公民館</t>
  </si>
  <si>
    <t>秦野市鶴巻2182</t>
  </si>
  <si>
    <t>（電話）0643-76-0463</t>
  </si>
  <si>
    <t>渋沢公民館</t>
  </si>
  <si>
    <t>秦野市渋沢上2-9-1</t>
  </si>
  <si>
    <t>（電話）0643-87-7751</t>
  </si>
  <si>
    <t>上公民館</t>
  </si>
  <si>
    <t>秦野市菖蒲1587-16</t>
  </si>
  <si>
    <t>（電話）0643-87-0212</t>
  </si>
  <si>
    <t>南が丘公民館</t>
  </si>
  <si>
    <t>秦野市南が丘4-2</t>
  </si>
  <si>
    <t>（電話）0643-84-6411</t>
  </si>
  <si>
    <t>堀川公民館</t>
  </si>
  <si>
    <t>秦野市堀川203-1</t>
  </si>
  <si>
    <t>（電話）0643-87-4111</t>
  </si>
  <si>
    <t>ほうらい会館</t>
  </si>
  <si>
    <t>秦野市曽屋5798-3</t>
  </si>
  <si>
    <t>（電話）0463-81-8310</t>
  </si>
  <si>
    <t>図書館</t>
  </si>
  <si>
    <t>秦野市平沢94-1</t>
  </si>
  <si>
    <t>（電話）0643-81-7012</t>
  </si>
  <si>
    <t>中野健康センター</t>
  </si>
  <si>
    <t>秦野市上大槻190</t>
  </si>
  <si>
    <t>（電話）0643-82-7596</t>
  </si>
  <si>
    <t>サンライフ鶴巻</t>
  </si>
  <si>
    <t>秦野市鶴巻1768-1</t>
  </si>
  <si>
    <t>（電話）0643-78-2330</t>
  </si>
  <si>
    <t>秦野駅連絡所</t>
  </si>
  <si>
    <t>秦野市今川町1-2</t>
  </si>
  <si>
    <t>（電話）0643-82-6111</t>
  </si>
  <si>
    <t>渋沢駅連絡所</t>
  </si>
  <si>
    <t>秦野市曲松1-1-1</t>
  </si>
  <si>
    <t>（電話）0643-87-0687</t>
  </si>
  <si>
    <t>東海大学前駅連絡所</t>
  </si>
  <si>
    <t>秦野市南矢名1-1-1</t>
  </si>
  <si>
    <t>（電話）0643-69-3090</t>
  </si>
  <si>
    <t>鶴巻温泉駅連絡所</t>
  </si>
  <si>
    <t>秦野市鶴巻南1-1-6</t>
  </si>
  <si>
    <t>（電話）0643-78-2301</t>
  </si>
  <si>
    <t>秦野病院</t>
  </si>
  <si>
    <t>秦野市三屋131</t>
  </si>
  <si>
    <t>（電話）0643-75-0032</t>
  </si>
  <si>
    <t>丹沢病院</t>
  </si>
  <si>
    <t>秦野厚生病院</t>
  </si>
  <si>
    <t>みくるべ病院</t>
  </si>
  <si>
    <t>秦野市堀山下557</t>
  </si>
  <si>
    <t>秦野市三廻部948</t>
  </si>
  <si>
    <t>（電話）0643-77-1108</t>
  </si>
  <si>
    <t>（電話）0643-88-2455</t>
  </si>
  <si>
    <t>（電話）0643-88-0266</t>
  </si>
  <si>
    <t xml:space="preserve">（電話）0463-82-7616 
（Fax） 0463-82-8020 
（障害福祉課）
</t>
    <phoneticPr fontId="1"/>
  </si>
  <si>
    <t>秦野市緑町 16-3 秦野市保健福祉ｾﾝﾀｰ１階</t>
    <phoneticPr fontId="1"/>
  </si>
  <si>
    <t>秦野市本町 2-7-25 秦野市地域生活支援ｾﾝﾀｰ２階</t>
    <phoneticPr fontId="1"/>
  </si>
  <si>
    <t>秦野市曽屋11（秦野伊勢原医師会内）</t>
    <phoneticPr fontId="1"/>
  </si>
  <si>
    <t>秦野市下大槻173高齢者地域交流センターぷらっと内）</t>
    <phoneticPr fontId="1"/>
  </si>
  <si>
    <t xml:space="preserve">（電話）046-225-2221 （Fax） 046-224-0229 
（障がい福祉課） 
</t>
    <phoneticPr fontId="1"/>
  </si>
  <si>
    <t xml:space="preserve">（電話）046-260-5665 （Fax） 046-262-0999 </t>
    <phoneticPr fontId="1"/>
  </si>
  <si>
    <t xml:space="preserve">（電話）0463-94-4720 </t>
  </si>
  <si>
    <t xml:space="preserve">市役所１階８番窓口 </t>
  </si>
  <si>
    <t xml:space="preserve">（電話）046-235-4813 </t>
  </si>
  <si>
    <t xml:space="preserve">市役所 1 階 </t>
  </si>
  <si>
    <t xml:space="preserve">（電話）046-252-7978 </t>
  </si>
  <si>
    <t>南足柄市広町 48-1 保健医療福祉センター</t>
    <phoneticPr fontId="1"/>
  </si>
  <si>
    <t>（電話）0465-74-2517</t>
    <phoneticPr fontId="1"/>
  </si>
  <si>
    <t>市役所事務棟 1 階</t>
  </si>
  <si>
    <t>（電話）0467-70-5623（Fax） 0467-70-5702</t>
    <phoneticPr fontId="1"/>
  </si>
  <si>
    <t xml:space="preserve">町役場 1 階 3 番窓口 </t>
  </si>
  <si>
    <t xml:space="preserve">（電話）046-876-1111 </t>
  </si>
  <si>
    <t xml:space="preserve">（電話）0465-73-8047（Fax） 0465-74-0545 </t>
    <phoneticPr fontId="1"/>
  </si>
  <si>
    <t>町役場本庁舎 1 階</t>
    <phoneticPr fontId="1"/>
  </si>
  <si>
    <t>大磯町国府本郷 1196横溝千鶴子記念障害福祉センター</t>
    <phoneticPr fontId="1"/>
  </si>
  <si>
    <t>大磯町東小磯 191 町役場保健センター1 階</t>
    <phoneticPr fontId="1"/>
  </si>
  <si>
    <t xml:space="preserve">大磯町国府新宿131 </t>
  </si>
  <si>
    <t xml:space="preserve">大磯町月京6-10 </t>
  </si>
  <si>
    <t xml:space="preserve">（電話）0463-73-4530 </t>
  </si>
  <si>
    <t xml:space="preserve">（電話）0463-61-4100 </t>
  </si>
  <si>
    <t xml:space="preserve">（電話）0463-71-3377 </t>
  </si>
  <si>
    <t xml:space="preserve">（電話）0463-71-0061 </t>
  </si>
  <si>
    <t>保健センター 子育て・健康課</t>
    <rPh sb="7" eb="9">
      <t>コソダ</t>
    </rPh>
    <rPh sb="11" eb="13">
      <t>ケンコウ</t>
    </rPh>
    <rPh sb="13" eb="14">
      <t>カ</t>
    </rPh>
    <phoneticPr fontId="1"/>
  </si>
  <si>
    <t xml:space="preserve">町役場本庁舎 1 階 </t>
  </si>
  <si>
    <t xml:space="preserve">（電話）0463-75-9289 </t>
  </si>
  <si>
    <t xml:space="preserve">二宮町二宮 1410 </t>
  </si>
  <si>
    <t xml:space="preserve">（電話）0463-71-7100 </t>
  </si>
  <si>
    <t>中井町比奈窪 104-1 中井町保健福祉センター1階</t>
    <rPh sb="25" eb="26">
      <t>カイ</t>
    </rPh>
    <phoneticPr fontId="1"/>
  </si>
  <si>
    <t>（電話）0465-81-5548</t>
    <phoneticPr fontId="1"/>
  </si>
  <si>
    <t xml:space="preserve">大井町金子1964-1 </t>
  </si>
  <si>
    <t xml:space="preserve">（電話）0465-83-8024 </t>
  </si>
  <si>
    <t>（電話）0465-83-1226　（Fax） 0465-44-4685</t>
    <phoneticPr fontId="1"/>
  </si>
  <si>
    <t xml:space="preserve">（電話）0465-75-3644 </t>
  </si>
  <si>
    <t xml:space="preserve">山北町山北 1971-2 </t>
  </si>
  <si>
    <t xml:space="preserve">（電話）0465-75-0822 </t>
  </si>
  <si>
    <t xml:space="preserve">町役場庁舎１階 </t>
  </si>
  <si>
    <t xml:space="preserve">（電話）0465-84-0316 </t>
  </si>
  <si>
    <t xml:space="preserve">町役場本庁舎 2 階 </t>
  </si>
  <si>
    <t xml:space="preserve">（電話）0460-85-7790 </t>
  </si>
  <si>
    <t xml:space="preserve">箱根町宮城野 881-1 </t>
  </si>
  <si>
    <t xml:space="preserve">（電話）0460-85-0800 </t>
  </si>
  <si>
    <t xml:space="preserve">役場庁舎 1 階 </t>
  </si>
  <si>
    <t>（電話）0465-68-1131 内線 235</t>
    <phoneticPr fontId="1"/>
  </si>
  <si>
    <t xml:space="preserve">町役場第 1 庁舎 1 階 </t>
    <phoneticPr fontId="1"/>
  </si>
  <si>
    <t>町役場新庁舎 1 階</t>
  </si>
  <si>
    <t>保健センター</t>
    <rPh sb="0" eb="2">
      <t>ホケン</t>
    </rPh>
    <phoneticPr fontId="1"/>
  </si>
  <si>
    <t>湯河原町中央2-1-3</t>
    <rPh sb="0" eb="4">
      <t>ユガワラマチ</t>
    </rPh>
    <rPh sb="4" eb="6">
      <t>チュウオウ</t>
    </rPh>
    <phoneticPr fontId="1"/>
  </si>
  <si>
    <t>（電話）046-285-6928</t>
  </si>
  <si>
    <t>子育て健康福祉課</t>
    <rPh sb="0" eb="2">
      <t>コソダ</t>
    </rPh>
    <rPh sb="3" eb="5">
      <t>ケンコウ</t>
    </rPh>
    <rPh sb="5" eb="8">
      <t>フクシカ</t>
    </rPh>
    <phoneticPr fontId="1"/>
  </si>
  <si>
    <t>（電話）046-288-3861（Fax） 046-288-2025</t>
    <phoneticPr fontId="1"/>
  </si>
  <si>
    <t>愛甲郡清川村煤ヶ谷2216</t>
  </si>
  <si>
    <t>以下の県立病院にて御希望のある患者様へお渡ししています。</t>
    <rPh sb="0" eb="2">
      <t>イカ</t>
    </rPh>
    <rPh sb="3" eb="5">
      <t>ケンリツ</t>
    </rPh>
    <rPh sb="5" eb="7">
      <t>ビョウイン</t>
    </rPh>
    <rPh sb="9" eb="12">
      <t>ゴキボウ</t>
    </rPh>
    <rPh sb="15" eb="18">
      <t>カンジャサマ</t>
    </rPh>
    <rPh sb="20" eb="21">
      <t>ワタ</t>
    </rPh>
    <phoneticPr fontId="1"/>
  </si>
  <si>
    <t>神奈川県立足柄上病院</t>
  </si>
  <si>
    <t>足柄上郡松田町松田惣領866-1</t>
  </si>
  <si>
    <t>神奈川県立こども医療センター</t>
  </si>
  <si>
    <t>横浜市南区六ツ川2-138-4</t>
  </si>
  <si>
    <t>神奈川県立精神医療センター</t>
  </si>
  <si>
    <t>横浜市港南区芹が谷2-5-1</t>
  </si>
  <si>
    <t>神奈川県立がんセンター</t>
  </si>
  <si>
    <t>横浜市旭区中尾2-3-2</t>
  </si>
  <si>
    <t>神奈川県立循環器呼吸器病センター</t>
  </si>
  <si>
    <t>横浜市金沢区富岡東6-16-1</t>
  </si>
  <si>
    <t>神奈川リハビリテーション病院</t>
    <rPh sb="0" eb="3">
      <t>カナガワ</t>
    </rPh>
    <rPh sb="12" eb="14">
      <t>ビョウイン</t>
    </rPh>
    <phoneticPr fontId="1"/>
  </si>
  <si>
    <t>厚木市七沢516</t>
    <rPh sb="0" eb="3">
      <t>アツギシ</t>
    </rPh>
    <rPh sb="3" eb="5">
      <t>ナナサワ</t>
    </rPh>
    <phoneticPr fontId="1"/>
  </si>
  <si>
    <t>　神奈川県総合リハビリテーション事業団　１病院</t>
    <rPh sb="1" eb="5">
      <t>カナガワケン</t>
    </rPh>
    <rPh sb="5" eb="7">
      <t>ソウゴウ</t>
    </rPh>
    <rPh sb="16" eb="19">
      <t>ジギョウダン</t>
    </rPh>
    <rPh sb="21" eb="23">
      <t>ビョウイン</t>
    </rPh>
    <phoneticPr fontId="1"/>
  </si>
  <si>
    <t>健康福祉局障害施策推進課</t>
    <phoneticPr fontId="1"/>
  </si>
  <si>
    <t>横浜市保土ヶ谷地域ケアプラザ</t>
    <rPh sb="0" eb="3">
      <t>ヨコハマシ</t>
    </rPh>
    <rPh sb="3" eb="7">
      <t>ホドガヤ</t>
    </rPh>
    <rPh sb="7" eb="9">
      <t>チイキ</t>
    </rPh>
    <phoneticPr fontId="1"/>
  </si>
  <si>
    <t>保土ヶ谷区岩井町143-2</t>
    <rPh sb="0" eb="5">
      <t>ホドガヤク</t>
    </rPh>
    <rPh sb="5" eb="7">
      <t>イワイ</t>
    </rPh>
    <rPh sb="7" eb="8">
      <t>マチ</t>
    </rPh>
    <phoneticPr fontId="1"/>
  </si>
  <si>
    <t>横浜市西柴地域ケアプラザ</t>
    <rPh sb="0" eb="3">
      <t>ヨコハマシ</t>
    </rPh>
    <rPh sb="3" eb="4">
      <t>ニシ</t>
    </rPh>
    <rPh sb="4" eb="5">
      <t>シバ</t>
    </rPh>
    <rPh sb="5" eb="7">
      <t>チイキ</t>
    </rPh>
    <phoneticPr fontId="1"/>
  </si>
  <si>
    <t>金沢区柴町343-5</t>
    <rPh sb="0" eb="3">
      <t>カナザワク</t>
    </rPh>
    <rPh sb="3" eb="4">
      <t>シバ</t>
    </rPh>
    <rPh sb="4" eb="5">
      <t>マチ</t>
    </rPh>
    <phoneticPr fontId="1"/>
  </si>
  <si>
    <t>緑区北八朔町218-13</t>
    <phoneticPr fontId="1"/>
  </si>
  <si>
    <t>横浜市奈良地域ケアプラザ</t>
    <rPh sb="0" eb="3">
      <t>ヨコハマシ</t>
    </rPh>
    <phoneticPr fontId="1"/>
  </si>
  <si>
    <t>青葉区奈良町1757-3</t>
    <phoneticPr fontId="1"/>
  </si>
  <si>
    <t>横浜市ビオラ市ケ尾地域ケアプラザ</t>
    <rPh sb="0" eb="3">
      <t>ヨコハマシ</t>
    </rPh>
    <phoneticPr fontId="1"/>
  </si>
  <si>
    <t>横浜市青葉台地域ケアプラザ</t>
    <rPh sb="0" eb="3">
      <t>ヨコハマシ</t>
    </rPh>
    <phoneticPr fontId="1"/>
  </si>
  <si>
    <t>横浜市東山田地域ケアプラザ</t>
    <rPh sb="0" eb="3">
      <t>ヨコハマシ</t>
    </rPh>
    <phoneticPr fontId="1"/>
  </si>
  <si>
    <t>横浜市都田地域ケアプラザ</t>
    <rPh sb="0" eb="3">
      <t>ヨコハマシ</t>
    </rPh>
    <rPh sb="3" eb="5">
      <t>ツダ</t>
    </rPh>
    <rPh sb="5" eb="7">
      <t>チイキ</t>
    </rPh>
    <phoneticPr fontId="1"/>
  </si>
  <si>
    <t>都筑区東方655-4</t>
    <rPh sb="0" eb="3">
      <t>ツヅキク</t>
    </rPh>
    <rPh sb="3" eb="4">
      <t>ヒガシ</t>
    </rPh>
    <rPh sb="4" eb="5">
      <t>カタ</t>
    </rPh>
    <phoneticPr fontId="1"/>
  </si>
  <si>
    <t>横浜市汲沢地域ケアプラザ</t>
    <rPh sb="0" eb="3">
      <t>ヨコハマシ</t>
    </rPh>
    <phoneticPr fontId="1"/>
  </si>
  <si>
    <t>戸塚区深谷町1432-11</t>
    <phoneticPr fontId="1"/>
  </si>
  <si>
    <t>泉区岡津町1228-3</t>
    <phoneticPr fontId="1"/>
  </si>
  <si>
    <t>（電話）044-935-3324</t>
    <phoneticPr fontId="1"/>
  </si>
  <si>
    <t>（電話）044-861-3252</t>
    <phoneticPr fontId="1"/>
  </si>
  <si>
    <t>横浜市浅間台地域ケアプラザ</t>
    <rPh sb="0" eb="3">
      <t>ヨコハマシ</t>
    </rPh>
    <phoneticPr fontId="1"/>
  </si>
  <si>
    <t>鎌倉市大船 2-1-26 号大船行政センター1階</t>
    <rPh sb="23" eb="24">
      <t>カイ</t>
    </rPh>
    <phoneticPr fontId="1"/>
  </si>
  <si>
    <t>鎌倉市常盤 111- 3 深沢行政センター1 階</t>
    <phoneticPr fontId="1"/>
  </si>
  <si>
    <t>鎌倉市腰越864　腰越行政センター１階</t>
    <rPh sb="0" eb="3">
      <t>カマクラシ</t>
    </rPh>
    <rPh sb="3" eb="5">
      <t>コシゴエ</t>
    </rPh>
    <rPh sb="9" eb="11">
      <t>コシゴエ</t>
    </rPh>
    <rPh sb="11" eb="13">
      <t>ギョウセイ</t>
    </rPh>
    <rPh sb="18" eb="19">
      <t>カイ</t>
    </rPh>
    <phoneticPr fontId="1"/>
  </si>
  <si>
    <t>鎌倉市岡本 2-16-3　玉縄行政センター1 階</t>
    <phoneticPr fontId="1"/>
  </si>
  <si>
    <t>鎌倉市大船 1-4-1 大船ルミネウィング 6 階</t>
    <phoneticPr fontId="1"/>
  </si>
  <si>
    <t>六会市民センター石川分館地区福祉窓口</t>
    <phoneticPr fontId="1"/>
  </si>
  <si>
    <t>片瀬市民センター地区福祉窓口</t>
    <phoneticPr fontId="1"/>
  </si>
  <si>
    <t>明治市民センター地区福祉窓口</t>
    <phoneticPr fontId="1"/>
  </si>
  <si>
    <t>御所見市民センター地区福祉窓口</t>
    <phoneticPr fontId="1"/>
  </si>
  <si>
    <t>遠藤市民センター地区福祉窓口</t>
    <phoneticPr fontId="1"/>
  </si>
  <si>
    <t>長後市民センター地区福祉窓口</t>
    <phoneticPr fontId="1"/>
  </si>
  <si>
    <t>辻堂市民センター地区福祉窓口</t>
    <phoneticPr fontId="1"/>
  </si>
  <si>
    <t>善行市民センター地区福祉窓口</t>
    <phoneticPr fontId="1"/>
  </si>
  <si>
    <t>湘南大庭市民センター地区福祉窓口</t>
    <phoneticPr fontId="1"/>
  </si>
  <si>
    <t>湘南台市民センター地区福祉窓口</t>
    <phoneticPr fontId="1"/>
  </si>
  <si>
    <t>鵠沼市民センター地区福祉窓口</t>
    <phoneticPr fontId="1"/>
  </si>
  <si>
    <t>村岡市民センター地区福祉窓口</t>
    <rPh sb="0" eb="2">
      <t>ムラオカ</t>
    </rPh>
    <rPh sb="2" eb="4">
      <t>シミン</t>
    </rPh>
    <rPh sb="8" eb="10">
      <t>チク</t>
    </rPh>
    <rPh sb="10" eb="12">
      <t>フクシ</t>
    </rPh>
    <rPh sb="12" eb="14">
      <t>マドグチ</t>
    </rPh>
    <phoneticPr fontId="1"/>
  </si>
  <si>
    <t>市役所本庁舎　　3階</t>
    <phoneticPr fontId="1"/>
  </si>
  <si>
    <t xml:space="preserve">市役所本庁舎 　 2階 </t>
    <phoneticPr fontId="1"/>
  </si>
  <si>
    <t>（電話）0465-33-1493</t>
    <phoneticPr fontId="1"/>
  </si>
  <si>
    <t xml:space="preserve">秦野市本町3-9-43 </t>
    <phoneticPr fontId="1"/>
  </si>
  <si>
    <t xml:space="preserve">秦野市平沢1750-1 </t>
    <phoneticPr fontId="1"/>
  </si>
  <si>
    <t xml:space="preserve">秦野市並木町5-5 </t>
    <phoneticPr fontId="1"/>
  </si>
  <si>
    <t xml:space="preserve">秦野市渋沢1124-5 </t>
    <phoneticPr fontId="1"/>
  </si>
  <si>
    <t>秦野市鶴巻北2-2-25（メプレスビル３階）</t>
    <phoneticPr fontId="1"/>
  </si>
  <si>
    <t>秦野市南矢名2-12-1</t>
    <phoneticPr fontId="1"/>
  </si>
  <si>
    <t xml:space="preserve">市役所第2庁舎 1階 </t>
    <phoneticPr fontId="1"/>
  </si>
  <si>
    <t>大和市鶴間１-31-7大和市保健福祉ｾﾝﾀｰ 5 階</t>
    <phoneticPr fontId="1"/>
  </si>
  <si>
    <t xml:space="preserve">（電話）0467-74-1111 </t>
    <phoneticPr fontId="1"/>
  </si>
  <si>
    <t>町役場１階</t>
    <rPh sb="0" eb="3">
      <t>マチヤクバ</t>
    </rPh>
    <rPh sb="4" eb="5">
      <t>カイ</t>
    </rPh>
    <phoneticPr fontId="1"/>
  </si>
  <si>
    <t>町役場 2 階</t>
    <phoneticPr fontId="1"/>
  </si>
  <si>
    <t>（電話）0465-63-2111</t>
    <phoneticPr fontId="1"/>
  </si>
  <si>
    <t>　＜神奈川県立病院機構　５病院＞</t>
    <rPh sb="2" eb="6">
      <t>カナガワケン</t>
    </rPh>
    <rPh sb="6" eb="7">
      <t>リツ</t>
    </rPh>
    <rPh sb="7" eb="9">
      <t>ビョウイン</t>
    </rPh>
    <rPh sb="9" eb="11">
      <t>キコウ</t>
    </rPh>
    <rPh sb="13" eb="15">
      <t>ビョウイン</t>
    </rPh>
    <phoneticPr fontId="1"/>
  </si>
  <si>
    <t>保土ヶ谷区上菅田町1696</t>
    <rPh sb="0" eb="5">
      <t>ホドガヤク</t>
    </rPh>
    <rPh sb="5" eb="6">
      <t>カミ</t>
    </rPh>
    <rPh sb="6" eb="8">
      <t>スゲタ</t>
    </rPh>
    <rPh sb="8" eb="9">
      <t>マチ</t>
    </rPh>
    <phoneticPr fontId="1"/>
  </si>
  <si>
    <t>幸区戸手本町1-11-1　幸区役所２階</t>
    <rPh sb="0" eb="2">
      <t>サイワイク</t>
    </rPh>
    <rPh sb="2" eb="3">
      <t>ト</t>
    </rPh>
    <rPh sb="3" eb="4">
      <t>テ</t>
    </rPh>
    <rPh sb="4" eb="6">
      <t>ホンマチ</t>
    </rPh>
    <rPh sb="13" eb="14">
      <t>サイワ</t>
    </rPh>
    <rPh sb="14" eb="17">
      <t>クヤクショ</t>
    </rPh>
    <rPh sb="18" eb="19">
      <t>カイ</t>
    </rPh>
    <phoneticPr fontId="1"/>
  </si>
  <si>
    <t xml:space="preserve">市立川崎病院 </t>
    <rPh sb="0" eb="2">
      <t>シリツ</t>
    </rPh>
    <rPh sb="2" eb="4">
      <t>カワサキ</t>
    </rPh>
    <rPh sb="4" eb="6">
      <t>ビョウイン</t>
    </rPh>
    <phoneticPr fontId="1"/>
  </si>
  <si>
    <t xml:space="preserve">市立井田病院 </t>
    <rPh sb="0" eb="2">
      <t>シリツ</t>
    </rPh>
    <rPh sb="2" eb="4">
      <t>イダ</t>
    </rPh>
    <rPh sb="4" eb="6">
      <t>ビョウイン</t>
    </rPh>
    <phoneticPr fontId="1"/>
  </si>
  <si>
    <t xml:space="preserve">市立多摩病院 </t>
    <rPh sb="0" eb="2">
      <t>シリツ</t>
    </rPh>
    <rPh sb="2" eb="4">
      <t>タマ</t>
    </rPh>
    <rPh sb="4" eb="6">
      <t>ビョウイ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2"/>
      <color rgb="FF000000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11"/>
      <color rgb="FF000000"/>
      <name val="ＭＳ Ｐゴシック"/>
      <family val="3"/>
      <charset val="128"/>
    </font>
    <font>
      <sz val="12"/>
      <color rgb="FF000000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1"/>
      <color rgb="FF00000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medium">
        <color rgb="FF000000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rgb="FF000000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rgb="FF000000"/>
      </left>
      <right style="thin">
        <color indexed="64"/>
      </right>
      <top style="thin">
        <color indexed="64"/>
      </top>
      <bottom/>
      <diagonal/>
    </border>
    <border>
      <left style="medium">
        <color rgb="FF000000"/>
      </left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109">
    <xf numFmtId="0" fontId="0" fillId="0" borderId="0" xfId="0">
      <alignment vertical="center"/>
    </xf>
    <xf numFmtId="0" fontId="2" fillId="0" borderId="1" xfId="0" applyFont="1" applyBorder="1">
      <alignment vertical="center"/>
    </xf>
    <xf numFmtId="0" fontId="2" fillId="0" borderId="0" xfId="0" applyFont="1">
      <alignment vertical="center"/>
    </xf>
    <xf numFmtId="0" fontId="2" fillId="0" borderId="3" xfId="0" applyFont="1" applyBorder="1">
      <alignment vertical="center"/>
    </xf>
    <xf numFmtId="0" fontId="2" fillId="0" borderId="1" xfId="0" applyFont="1" applyBorder="1" applyAlignment="1">
      <alignment horizontal="justify" vertical="center" wrapText="1"/>
    </xf>
    <xf numFmtId="0" fontId="2" fillId="0" borderId="2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2" xfId="0" applyFont="1" applyBorder="1" applyAlignment="1">
      <alignment horizontal="justify" vertical="center" wrapText="1"/>
    </xf>
    <xf numFmtId="0" fontId="3" fillId="0" borderId="1" xfId="0" applyFont="1" applyBorder="1">
      <alignment vertical="center"/>
    </xf>
    <xf numFmtId="0" fontId="2" fillId="0" borderId="0" xfId="0" applyFont="1" applyBorder="1" applyAlignment="1">
      <alignment horizontal="justify" vertical="center" wrapText="1"/>
    </xf>
    <xf numFmtId="0" fontId="2" fillId="0" borderId="4" xfId="0" applyFont="1" applyBorder="1" applyAlignment="1">
      <alignment horizontal="justify" vertical="center" wrapText="1"/>
    </xf>
    <xf numFmtId="0" fontId="2" fillId="0" borderId="8" xfId="0" applyFont="1" applyBorder="1" applyAlignment="1">
      <alignment horizontal="justify" vertical="center" wrapText="1"/>
    </xf>
    <xf numFmtId="0" fontId="2" fillId="0" borderId="9" xfId="0" applyFont="1" applyBorder="1" applyAlignment="1">
      <alignment horizontal="justify" vertical="center" wrapText="1"/>
    </xf>
    <xf numFmtId="0" fontId="2" fillId="0" borderId="10" xfId="0" applyFont="1" applyBorder="1" applyAlignment="1">
      <alignment horizontal="justify" vertical="center" wrapText="1"/>
    </xf>
    <xf numFmtId="0" fontId="2" fillId="0" borderId="11" xfId="0" applyFont="1" applyBorder="1" applyAlignment="1">
      <alignment horizontal="justify" vertical="center" wrapText="1"/>
    </xf>
    <xf numFmtId="0" fontId="4" fillId="0" borderId="12" xfId="0" applyFont="1" applyBorder="1" applyAlignment="1">
      <alignment vertical="center" wrapText="1"/>
    </xf>
    <xf numFmtId="0" fontId="4" fillId="0" borderId="3" xfId="0" applyFont="1" applyBorder="1" applyAlignment="1">
      <alignment vertical="center" wrapText="1"/>
    </xf>
    <xf numFmtId="0" fontId="2" fillId="0" borderId="10" xfId="0" applyFont="1" applyBorder="1">
      <alignment vertical="center"/>
    </xf>
    <xf numFmtId="0" fontId="2" fillId="0" borderId="12" xfId="0" applyFont="1" applyBorder="1">
      <alignment vertical="center"/>
    </xf>
    <xf numFmtId="0" fontId="5" fillId="0" borderId="12" xfId="0" applyFont="1" applyBorder="1">
      <alignment vertical="center"/>
    </xf>
    <xf numFmtId="0" fontId="5" fillId="0" borderId="7" xfId="0" applyFont="1" applyBorder="1">
      <alignment vertical="center"/>
    </xf>
    <xf numFmtId="0" fontId="5" fillId="0" borderId="1" xfId="0" applyFont="1" applyBorder="1">
      <alignment vertical="center"/>
    </xf>
    <xf numFmtId="0" fontId="4" fillId="0" borderId="1" xfId="0" applyFont="1" applyBorder="1" applyAlignment="1">
      <alignment vertical="center" wrapText="1"/>
    </xf>
    <xf numFmtId="0" fontId="4" fillId="0" borderId="7" xfId="0" applyFont="1" applyBorder="1">
      <alignment vertical="center"/>
    </xf>
    <xf numFmtId="0" fontId="2" fillId="0" borderId="2" xfId="0" applyFont="1" applyBorder="1" applyAlignment="1">
      <alignment vertical="center" wrapText="1"/>
    </xf>
    <xf numFmtId="0" fontId="3" fillId="0" borderId="2" xfId="0" applyFont="1" applyBorder="1" applyAlignment="1">
      <alignment horizontal="justify" vertical="center" wrapText="1"/>
    </xf>
    <xf numFmtId="0" fontId="2" fillId="0" borderId="1" xfId="0" applyFont="1" applyBorder="1" applyAlignment="1">
      <alignment vertical="center"/>
    </xf>
    <xf numFmtId="0" fontId="7" fillId="0" borderId="3" xfId="0" applyFont="1" applyBorder="1">
      <alignment vertical="center"/>
    </xf>
    <xf numFmtId="0" fontId="8" fillId="0" borderId="1" xfId="0" applyFont="1" applyBorder="1" applyAlignment="1">
      <alignment vertical="center" wrapText="1"/>
    </xf>
    <xf numFmtId="0" fontId="2" fillId="0" borderId="0" xfId="0" applyFont="1" applyBorder="1">
      <alignment vertical="center"/>
    </xf>
    <xf numFmtId="0" fontId="4" fillId="0" borderId="7" xfId="0" applyFont="1" applyBorder="1" applyAlignment="1">
      <alignment vertical="center" wrapText="1"/>
    </xf>
    <xf numFmtId="0" fontId="2" fillId="0" borderId="8" xfId="0" applyFont="1" applyBorder="1">
      <alignment vertical="center"/>
    </xf>
    <xf numFmtId="0" fontId="4" fillId="0" borderId="10" xfId="0" applyFont="1" applyBorder="1" applyAlignment="1">
      <alignment vertical="center" wrapText="1"/>
    </xf>
    <xf numFmtId="0" fontId="9" fillId="0" borderId="7" xfId="0" applyFont="1" applyBorder="1" applyAlignment="1">
      <alignment vertical="center" wrapText="1"/>
    </xf>
    <xf numFmtId="0" fontId="6" fillId="0" borderId="0" xfId="0" applyFont="1">
      <alignment vertical="center"/>
    </xf>
    <xf numFmtId="0" fontId="9" fillId="0" borderId="2" xfId="0" applyFont="1" applyBorder="1" applyAlignment="1">
      <alignment vertical="center" wrapText="1"/>
    </xf>
    <xf numFmtId="0" fontId="9" fillId="0" borderId="14" xfId="0" applyFont="1" applyBorder="1" applyAlignment="1">
      <alignment vertical="center" wrapText="1"/>
    </xf>
    <xf numFmtId="0" fontId="9" fillId="0" borderId="1" xfId="0" applyFont="1" applyBorder="1" applyAlignment="1">
      <alignment vertical="center" wrapText="1"/>
    </xf>
    <xf numFmtId="0" fontId="9" fillId="0" borderId="12" xfId="0" applyFont="1" applyBorder="1" applyAlignment="1">
      <alignment vertical="center" wrapText="1"/>
    </xf>
    <xf numFmtId="0" fontId="9" fillId="0" borderId="7" xfId="0" applyFont="1" applyBorder="1">
      <alignment vertical="center"/>
    </xf>
    <xf numFmtId="0" fontId="9" fillId="0" borderId="12" xfId="0" applyFont="1" applyBorder="1">
      <alignment vertical="center"/>
    </xf>
    <xf numFmtId="0" fontId="3" fillId="0" borderId="7" xfId="0" applyFont="1" applyBorder="1">
      <alignment vertical="center"/>
    </xf>
    <xf numFmtId="0" fontId="9" fillId="0" borderId="3" xfId="0" applyFont="1" applyBorder="1" applyAlignment="1">
      <alignment vertical="center" wrapText="1"/>
    </xf>
    <xf numFmtId="0" fontId="2" fillId="0" borderId="7" xfId="0" applyFont="1" applyBorder="1">
      <alignment vertical="center"/>
    </xf>
    <xf numFmtId="0" fontId="9" fillId="0" borderId="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2" fillId="0" borderId="11" xfId="0" applyFont="1" applyBorder="1">
      <alignment vertical="center"/>
    </xf>
    <xf numFmtId="0" fontId="2" fillId="0" borderId="7" xfId="0" applyFont="1" applyBorder="1" applyAlignment="1">
      <alignment horizontal="left" vertical="center"/>
    </xf>
    <xf numFmtId="0" fontId="9" fillId="0" borderId="3" xfId="0" applyFont="1" applyBorder="1">
      <alignment vertical="center"/>
    </xf>
    <xf numFmtId="0" fontId="9" fillId="0" borderId="17" xfId="0" applyFont="1" applyBorder="1" applyAlignment="1">
      <alignment vertical="center" wrapText="1"/>
    </xf>
    <xf numFmtId="0" fontId="9" fillId="0" borderId="18" xfId="0" applyFont="1" applyBorder="1" applyAlignment="1">
      <alignment vertical="center" wrapText="1"/>
    </xf>
    <xf numFmtId="0" fontId="2" fillId="0" borderId="15" xfId="0" applyFont="1" applyBorder="1">
      <alignment vertical="center"/>
    </xf>
    <xf numFmtId="0" fontId="9" fillId="0" borderId="5" xfId="0" applyFont="1" applyBorder="1" applyAlignment="1">
      <alignment vertical="center" wrapText="1"/>
    </xf>
    <xf numFmtId="0" fontId="9" fillId="0" borderId="16" xfId="0" applyFont="1" applyBorder="1" applyAlignment="1">
      <alignment vertical="center" wrapText="1"/>
    </xf>
    <xf numFmtId="0" fontId="9" fillId="0" borderId="15" xfId="0" applyFont="1" applyBorder="1" applyAlignment="1">
      <alignment vertical="center" wrapText="1"/>
    </xf>
    <xf numFmtId="0" fontId="9" fillId="0" borderId="5" xfId="0" applyFont="1" applyBorder="1" applyAlignment="1">
      <alignment horizontal="justify" vertical="center" wrapText="1"/>
    </xf>
    <xf numFmtId="0" fontId="9" fillId="0" borderId="15" xfId="0" applyFont="1" applyBorder="1" applyAlignment="1">
      <alignment horizontal="justify" vertical="center" wrapText="1"/>
    </xf>
    <xf numFmtId="0" fontId="9" fillId="0" borderId="19" xfId="0" applyFont="1" applyBorder="1" applyAlignment="1">
      <alignment vertical="center" wrapText="1"/>
    </xf>
    <xf numFmtId="0" fontId="2" fillId="0" borderId="16" xfId="0" applyFont="1" applyBorder="1">
      <alignment vertical="center"/>
    </xf>
    <xf numFmtId="0" fontId="6" fillId="0" borderId="5" xfId="0" applyFont="1" applyBorder="1">
      <alignment vertical="center"/>
    </xf>
    <xf numFmtId="0" fontId="6" fillId="0" borderId="7" xfId="0" applyFont="1" applyBorder="1">
      <alignment vertical="center"/>
    </xf>
    <xf numFmtId="0" fontId="9" fillId="0" borderId="0" xfId="0" applyFont="1" applyBorder="1" applyAlignment="1">
      <alignment vertical="center" wrapText="1"/>
    </xf>
    <xf numFmtId="0" fontId="10" fillId="0" borderId="7" xfId="0" applyFont="1" applyBorder="1">
      <alignment vertical="center"/>
    </xf>
    <xf numFmtId="0" fontId="2" fillId="0" borderId="9" xfId="0" applyFont="1" applyBorder="1">
      <alignment vertical="center"/>
    </xf>
    <xf numFmtId="0" fontId="2" fillId="0" borderId="7" xfId="0" applyFont="1" applyBorder="1" applyAlignment="1">
      <alignment horizontal="justify" vertical="center" wrapText="1"/>
    </xf>
    <xf numFmtId="0" fontId="9" fillId="0" borderId="7" xfId="0" applyFont="1" applyBorder="1" applyAlignment="1">
      <alignment horizontal="left" vertical="center" wrapText="1"/>
    </xf>
    <xf numFmtId="0" fontId="9" fillId="0" borderId="1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justify" vertical="center" wrapText="1"/>
    </xf>
    <xf numFmtId="0" fontId="9" fillId="0" borderId="8" xfId="0" applyFont="1" applyBorder="1" applyAlignment="1">
      <alignment vertical="center" wrapText="1"/>
    </xf>
    <xf numFmtId="0" fontId="9" fillId="0" borderId="8" xfId="0" applyFont="1" applyBorder="1">
      <alignment vertical="center"/>
    </xf>
    <xf numFmtId="0" fontId="9" fillId="0" borderId="9" xfId="0" applyFont="1" applyBorder="1" applyAlignment="1">
      <alignment vertical="center" wrapText="1"/>
    </xf>
    <xf numFmtId="0" fontId="6" fillId="0" borderId="11" xfId="0" applyFont="1" applyBorder="1" applyAlignment="1">
      <alignment vertical="center"/>
    </xf>
    <xf numFmtId="0" fontId="6" fillId="0" borderId="1" xfId="0" applyFont="1" applyBorder="1" applyAlignment="1">
      <alignment vertical="center"/>
    </xf>
    <xf numFmtId="0" fontId="11" fillId="0" borderId="1" xfId="0" applyFont="1" applyBorder="1" applyAlignment="1">
      <alignment vertical="center" wrapText="1"/>
    </xf>
    <xf numFmtId="0" fontId="11" fillId="0" borderId="10" xfId="0" applyFont="1" applyBorder="1" applyAlignment="1">
      <alignment vertical="center" wrapText="1"/>
    </xf>
    <xf numFmtId="0" fontId="3" fillId="0" borderId="1" xfId="0" applyFont="1" applyBorder="1" applyAlignment="1">
      <alignment horizontal="left" vertical="center"/>
    </xf>
    <xf numFmtId="0" fontId="6" fillId="0" borderId="2" xfId="0" applyFont="1" applyBorder="1">
      <alignment vertical="center"/>
    </xf>
    <xf numFmtId="0" fontId="6" fillId="0" borderId="16" xfId="0" applyFont="1" applyBorder="1">
      <alignment vertical="center"/>
    </xf>
    <xf numFmtId="0" fontId="2" fillId="0" borderId="13" xfId="0" applyFont="1" applyBorder="1">
      <alignment vertical="center"/>
    </xf>
    <xf numFmtId="0" fontId="2" fillId="0" borderId="3" xfId="0" applyFont="1" applyBorder="1" applyAlignment="1">
      <alignment vertical="center"/>
    </xf>
    <xf numFmtId="0" fontId="2" fillId="0" borderId="7" xfId="0" applyFont="1" applyBorder="1" applyAlignment="1">
      <alignment vertical="top" wrapText="1"/>
    </xf>
    <xf numFmtId="0" fontId="0" fillId="0" borderId="12" xfId="0" applyBorder="1" applyAlignment="1">
      <alignment vertical="top"/>
    </xf>
    <xf numFmtId="0" fontId="2" fillId="0" borderId="2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7" xfId="0" applyFont="1" applyBorder="1" applyAlignment="1">
      <alignment horizontal="left" vertical="top" wrapText="1"/>
    </xf>
    <xf numFmtId="0" fontId="2" fillId="0" borderId="12" xfId="0" applyFont="1" applyBorder="1" applyAlignment="1">
      <alignment horizontal="left" vertical="top"/>
    </xf>
    <xf numFmtId="0" fontId="2" fillId="0" borderId="3" xfId="0" applyFont="1" applyBorder="1" applyAlignment="1">
      <alignment horizontal="left" vertical="top"/>
    </xf>
    <xf numFmtId="0" fontId="2" fillId="0" borderId="10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3" fillId="0" borderId="5" xfId="0" applyFont="1" applyBorder="1" applyAlignment="1">
      <alignment horizontal="left" vertical="top" wrapText="1"/>
    </xf>
    <xf numFmtId="0" fontId="3" fillId="0" borderId="6" xfId="0" applyFont="1" applyBorder="1" applyAlignment="1">
      <alignment horizontal="left" vertical="top"/>
    </xf>
    <xf numFmtId="0" fontId="2" fillId="0" borderId="4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9" fillId="0" borderId="2" xfId="0" applyFont="1" applyBorder="1" applyAlignment="1">
      <alignment horizontal="left" vertical="center" wrapText="1"/>
    </xf>
    <xf numFmtId="0" fontId="9" fillId="0" borderId="16" xfId="0" applyFont="1" applyBorder="1" applyAlignment="1">
      <alignment horizontal="left" vertical="center" wrapText="1"/>
    </xf>
    <xf numFmtId="0" fontId="9" fillId="0" borderId="2" xfId="0" applyFont="1" applyBorder="1" applyAlignment="1">
      <alignment horizontal="left" vertical="center"/>
    </xf>
    <xf numFmtId="0" fontId="9" fillId="0" borderId="16" xfId="0" applyFont="1" applyBorder="1" applyAlignment="1">
      <alignment horizontal="left" vertical="center"/>
    </xf>
    <xf numFmtId="0" fontId="2" fillId="0" borderId="11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top"/>
    </xf>
    <xf numFmtId="0" fontId="6" fillId="0" borderId="0" xfId="0" applyFont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390"/>
  <sheetViews>
    <sheetView tabSelected="1" topLeftCell="A175" zoomScale="145" zoomScaleNormal="145" workbookViewId="0">
      <selection activeCell="C184" sqref="C184"/>
    </sheetView>
  </sheetViews>
  <sheetFormatPr defaultColWidth="8.69921875" defaultRowHeight="14.4" x14ac:dyDescent="0.2"/>
  <cols>
    <col min="1" max="1" width="4.3984375" style="2" bestFit="1" customWidth="1"/>
    <col min="2" max="2" width="11.796875" style="2" customWidth="1"/>
    <col min="3" max="3" width="43.69921875" style="2" customWidth="1"/>
    <col min="4" max="4" width="41.59765625" style="2" customWidth="1"/>
    <col min="5" max="5" width="35.8984375" style="2" customWidth="1"/>
    <col min="6" max="16384" width="8.69921875" style="2"/>
  </cols>
  <sheetData>
    <row r="1" spans="1:6" x14ac:dyDescent="0.2">
      <c r="B1" s="1" t="s">
        <v>411</v>
      </c>
      <c r="C1" s="1" t="s">
        <v>251</v>
      </c>
      <c r="D1" s="1" t="s">
        <v>252</v>
      </c>
      <c r="E1" s="5" t="s">
        <v>253</v>
      </c>
      <c r="F1" s="47"/>
    </row>
    <row r="2" spans="1:6" x14ac:dyDescent="0.2">
      <c r="A2" s="1">
        <v>1</v>
      </c>
      <c r="B2" s="27" t="s">
        <v>250</v>
      </c>
      <c r="C2" s="4" t="s">
        <v>202</v>
      </c>
      <c r="D2" s="7" t="s">
        <v>254</v>
      </c>
      <c r="E2" s="81" t="s">
        <v>412</v>
      </c>
    </row>
    <row r="3" spans="1:6" x14ac:dyDescent="0.2">
      <c r="A3" s="1">
        <v>2</v>
      </c>
      <c r="B3" s="26" t="s">
        <v>440</v>
      </c>
      <c r="C3" s="4" t="s">
        <v>63</v>
      </c>
      <c r="D3" s="7" t="s">
        <v>255</v>
      </c>
      <c r="E3" s="82"/>
    </row>
    <row r="4" spans="1:6" x14ac:dyDescent="0.2">
      <c r="A4" s="1">
        <v>3</v>
      </c>
      <c r="B4" s="1"/>
      <c r="C4" s="4" t="s">
        <v>64</v>
      </c>
      <c r="D4" s="7" t="s">
        <v>256</v>
      </c>
      <c r="E4" s="82"/>
    </row>
    <row r="5" spans="1:6" x14ac:dyDescent="0.2">
      <c r="A5" s="1">
        <v>4</v>
      </c>
      <c r="B5" s="1"/>
      <c r="C5" s="4" t="s">
        <v>65</v>
      </c>
      <c r="D5" s="7" t="s">
        <v>257</v>
      </c>
      <c r="E5" s="82"/>
    </row>
    <row r="6" spans="1:6" x14ac:dyDescent="0.2">
      <c r="A6" s="1">
        <v>5</v>
      </c>
      <c r="B6" s="1"/>
      <c r="C6" s="4" t="s">
        <v>66</v>
      </c>
      <c r="D6" s="7" t="s">
        <v>258</v>
      </c>
      <c r="E6" s="82"/>
    </row>
    <row r="7" spans="1:6" x14ac:dyDescent="0.2">
      <c r="A7" s="1">
        <v>6</v>
      </c>
      <c r="B7" s="1"/>
      <c r="C7" s="4" t="s">
        <v>67</v>
      </c>
      <c r="D7" s="7" t="s">
        <v>259</v>
      </c>
      <c r="E7" s="82"/>
    </row>
    <row r="8" spans="1:6" x14ac:dyDescent="0.2">
      <c r="A8" s="1">
        <v>7</v>
      </c>
      <c r="B8" s="1"/>
      <c r="C8" s="4" t="s">
        <v>68</v>
      </c>
      <c r="D8" s="7" t="s">
        <v>260</v>
      </c>
      <c r="E8" s="82"/>
    </row>
    <row r="9" spans="1:6" x14ac:dyDescent="0.2">
      <c r="A9" s="1">
        <v>8</v>
      </c>
      <c r="B9" s="1"/>
      <c r="C9" s="4" t="s">
        <v>69</v>
      </c>
      <c r="D9" s="7" t="s">
        <v>261</v>
      </c>
      <c r="E9" s="82"/>
    </row>
    <row r="10" spans="1:6" x14ac:dyDescent="0.2">
      <c r="A10" s="1">
        <v>9</v>
      </c>
      <c r="B10" s="1"/>
      <c r="C10" s="4" t="s">
        <v>70</v>
      </c>
      <c r="D10" s="7" t="s">
        <v>262</v>
      </c>
      <c r="E10" s="82"/>
    </row>
    <row r="11" spans="1:6" x14ac:dyDescent="0.2">
      <c r="A11" s="1">
        <v>10</v>
      </c>
      <c r="B11" s="1"/>
      <c r="C11" s="4" t="s">
        <v>71</v>
      </c>
      <c r="D11" s="7" t="s">
        <v>263</v>
      </c>
      <c r="E11" s="82"/>
    </row>
    <row r="12" spans="1:6" x14ac:dyDescent="0.2">
      <c r="A12" s="1">
        <v>11</v>
      </c>
      <c r="B12" s="1" t="s">
        <v>437</v>
      </c>
      <c r="C12" s="4" t="s">
        <v>201</v>
      </c>
      <c r="D12" s="7" t="s">
        <v>264</v>
      </c>
      <c r="E12" s="82"/>
    </row>
    <row r="13" spans="1:6" x14ac:dyDescent="0.2">
      <c r="A13" s="1">
        <v>12</v>
      </c>
      <c r="B13" s="1"/>
      <c r="C13" s="4" t="s">
        <v>72</v>
      </c>
      <c r="D13" s="7" t="s">
        <v>265</v>
      </c>
      <c r="E13" s="82"/>
    </row>
    <row r="14" spans="1:6" x14ac:dyDescent="0.2">
      <c r="A14" s="1">
        <v>13</v>
      </c>
      <c r="B14" s="1"/>
      <c r="C14" s="4" t="s">
        <v>73</v>
      </c>
      <c r="D14" s="7" t="s">
        <v>266</v>
      </c>
      <c r="E14" s="82"/>
    </row>
    <row r="15" spans="1:6" x14ac:dyDescent="0.2">
      <c r="A15" s="1">
        <v>14</v>
      </c>
      <c r="B15" s="1"/>
      <c r="C15" s="4" t="s">
        <v>74</v>
      </c>
      <c r="D15" s="7" t="s">
        <v>267</v>
      </c>
      <c r="E15" s="82"/>
    </row>
    <row r="16" spans="1:6" x14ac:dyDescent="0.2">
      <c r="A16" s="1">
        <v>15</v>
      </c>
      <c r="B16" s="1"/>
      <c r="C16" s="4" t="s">
        <v>75</v>
      </c>
      <c r="D16" s="7" t="s">
        <v>268</v>
      </c>
      <c r="E16" s="82"/>
    </row>
    <row r="17" spans="1:5" x14ac:dyDescent="0.2">
      <c r="A17" s="1">
        <v>16</v>
      </c>
      <c r="B17" s="1"/>
      <c r="C17" s="4" t="s">
        <v>76</v>
      </c>
      <c r="D17" s="7" t="s">
        <v>269</v>
      </c>
      <c r="E17" s="82"/>
    </row>
    <row r="18" spans="1:5" x14ac:dyDescent="0.2">
      <c r="A18" s="1">
        <v>17</v>
      </c>
      <c r="B18" s="1"/>
      <c r="C18" s="4" t="s">
        <v>77</v>
      </c>
      <c r="D18" s="7" t="s">
        <v>270</v>
      </c>
      <c r="E18" s="82"/>
    </row>
    <row r="19" spans="1:5" x14ac:dyDescent="0.2">
      <c r="A19" s="1">
        <v>18</v>
      </c>
      <c r="B19" s="1"/>
      <c r="C19" s="4" t="s">
        <v>78</v>
      </c>
      <c r="D19" s="7" t="s">
        <v>271</v>
      </c>
      <c r="E19" s="82"/>
    </row>
    <row r="20" spans="1:5" x14ac:dyDescent="0.2">
      <c r="A20" s="1">
        <v>19</v>
      </c>
      <c r="B20" s="1" t="s">
        <v>438</v>
      </c>
      <c r="C20" s="4" t="s">
        <v>200</v>
      </c>
      <c r="D20" s="7" t="s">
        <v>272</v>
      </c>
      <c r="E20" s="82"/>
    </row>
    <row r="21" spans="1:5" x14ac:dyDescent="0.2">
      <c r="A21" s="1">
        <v>20</v>
      </c>
      <c r="B21" s="1"/>
      <c r="C21" s="4" t="s">
        <v>818</v>
      </c>
      <c r="D21" s="7" t="s">
        <v>273</v>
      </c>
      <c r="E21" s="82"/>
    </row>
    <row r="22" spans="1:5" x14ac:dyDescent="0.2">
      <c r="A22" s="1">
        <v>21</v>
      </c>
      <c r="B22" s="1"/>
      <c r="C22" s="4" t="s">
        <v>79</v>
      </c>
      <c r="D22" s="7" t="s">
        <v>274</v>
      </c>
      <c r="E22" s="82"/>
    </row>
    <row r="23" spans="1:5" x14ac:dyDescent="0.2">
      <c r="A23" s="1">
        <v>22</v>
      </c>
      <c r="B23" s="1"/>
      <c r="C23" s="4" t="s">
        <v>80</v>
      </c>
      <c r="D23" s="7" t="s">
        <v>275</v>
      </c>
      <c r="E23" s="82"/>
    </row>
    <row r="24" spans="1:5" x14ac:dyDescent="0.2">
      <c r="A24" s="1">
        <v>23</v>
      </c>
      <c r="B24" s="1"/>
      <c r="C24" s="4" t="s">
        <v>81</v>
      </c>
      <c r="D24" s="7" t="s">
        <v>276</v>
      </c>
      <c r="E24" s="82"/>
    </row>
    <row r="25" spans="1:5" x14ac:dyDescent="0.2">
      <c r="A25" s="1">
        <v>24</v>
      </c>
      <c r="B25" s="1" t="s">
        <v>439</v>
      </c>
      <c r="C25" s="4" t="s">
        <v>800</v>
      </c>
      <c r="D25" s="7" t="s">
        <v>279</v>
      </c>
      <c r="E25" s="82"/>
    </row>
    <row r="26" spans="1:5" x14ac:dyDescent="0.2">
      <c r="A26" s="1">
        <v>25</v>
      </c>
      <c r="B26" s="1"/>
      <c r="C26" s="4" t="s">
        <v>199</v>
      </c>
      <c r="D26" s="7" t="s">
        <v>277</v>
      </c>
      <c r="E26" s="82"/>
    </row>
    <row r="27" spans="1:5" x14ac:dyDescent="0.2">
      <c r="A27" s="1">
        <v>26</v>
      </c>
      <c r="B27" s="1"/>
      <c r="C27" s="4" t="s">
        <v>82</v>
      </c>
      <c r="D27" s="7" t="s">
        <v>278</v>
      </c>
      <c r="E27" s="82"/>
    </row>
    <row r="28" spans="1:5" x14ac:dyDescent="0.2">
      <c r="A28" s="1">
        <v>27</v>
      </c>
      <c r="B28" s="1"/>
      <c r="C28" s="4" t="s">
        <v>83</v>
      </c>
      <c r="D28" s="7" t="s">
        <v>280</v>
      </c>
      <c r="E28" s="82"/>
    </row>
    <row r="29" spans="1:5" x14ac:dyDescent="0.2">
      <c r="A29" s="1">
        <v>28</v>
      </c>
      <c r="B29" s="1"/>
      <c r="C29" s="4" t="s">
        <v>84</v>
      </c>
      <c r="D29" s="7" t="s">
        <v>281</v>
      </c>
      <c r="E29" s="82"/>
    </row>
    <row r="30" spans="1:5" x14ac:dyDescent="0.2">
      <c r="A30" s="1">
        <v>29</v>
      </c>
      <c r="B30" s="1"/>
      <c r="C30" s="4" t="s">
        <v>85</v>
      </c>
      <c r="D30" s="7" t="s">
        <v>282</v>
      </c>
      <c r="E30" s="82"/>
    </row>
    <row r="31" spans="1:5" x14ac:dyDescent="0.2">
      <c r="A31" s="1">
        <v>30</v>
      </c>
      <c r="B31" s="1"/>
      <c r="C31" s="4" t="s">
        <v>86</v>
      </c>
      <c r="D31" s="7" t="s">
        <v>283</v>
      </c>
      <c r="E31" s="82"/>
    </row>
    <row r="32" spans="1:5" x14ac:dyDescent="0.2">
      <c r="A32" s="1">
        <v>31</v>
      </c>
      <c r="B32" s="1"/>
      <c r="C32" s="4" t="s">
        <v>87</v>
      </c>
      <c r="D32" s="7" t="s">
        <v>284</v>
      </c>
      <c r="E32" s="82"/>
    </row>
    <row r="33" spans="1:5" x14ac:dyDescent="0.2">
      <c r="A33" s="1">
        <v>32</v>
      </c>
      <c r="B33" s="1" t="s">
        <v>441</v>
      </c>
      <c r="C33" s="4" t="s">
        <v>198</v>
      </c>
      <c r="D33" s="7" t="s">
        <v>285</v>
      </c>
      <c r="E33" s="82"/>
    </row>
    <row r="34" spans="1:5" x14ac:dyDescent="0.2">
      <c r="A34" s="1">
        <v>33</v>
      </c>
      <c r="B34" s="1"/>
      <c r="C34" s="4" t="s">
        <v>88</v>
      </c>
      <c r="D34" s="7" t="s">
        <v>286</v>
      </c>
      <c r="E34" s="82"/>
    </row>
    <row r="35" spans="1:5" x14ac:dyDescent="0.2">
      <c r="A35" s="1">
        <v>34</v>
      </c>
      <c r="B35" s="1"/>
      <c r="C35" s="4" t="s">
        <v>89</v>
      </c>
      <c r="D35" s="7" t="s">
        <v>287</v>
      </c>
      <c r="E35" s="82"/>
    </row>
    <row r="36" spans="1:5" x14ac:dyDescent="0.2">
      <c r="A36" s="1">
        <v>35</v>
      </c>
      <c r="B36" s="1"/>
      <c r="C36" s="4" t="s">
        <v>90</v>
      </c>
      <c r="D36" s="7" t="s">
        <v>288</v>
      </c>
      <c r="E36" s="82"/>
    </row>
    <row r="37" spans="1:5" x14ac:dyDescent="0.2">
      <c r="A37" s="1">
        <v>36</v>
      </c>
      <c r="B37" s="1"/>
      <c r="C37" s="4" t="s">
        <v>91</v>
      </c>
      <c r="D37" s="7" t="s">
        <v>289</v>
      </c>
      <c r="E37" s="82"/>
    </row>
    <row r="38" spans="1:5" x14ac:dyDescent="0.2">
      <c r="A38" s="1">
        <v>37</v>
      </c>
      <c r="B38" s="1"/>
      <c r="C38" s="4" t="s">
        <v>92</v>
      </c>
      <c r="D38" s="7" t="s">
        <v>290</v>
      </c>
      <c r="E38" s="82"/>
    </row>
    <row r="39" spans="1:5" x14ac:dyDescent="0.2">
      <c r="A39" s="1">
        <v>38</v>
      </c>
      <c r="B39" s="1"/>
      <c r="C39" s="4" t="s">
        <v>93</v>
      </c>
      <c r="D39" s="7" t="s">
        <v>291</v>
      </c>
      <c r="E39" s="82"/>
    </row>
    <row r="40" spans="1:5" x14ac:dyDescent="0.2">
      <c r="A40" s="1">
        <v>39</v>
      </c>
      <c r="B40" s="1"/>
      <c r="C40" s="4" t="s">
        <v>94</v>
      </c>
      <c r="D40" s="7" t="s">
        <v>292</v>
      </c>
      <c r="E40" s="82"/>
    </row>
    <row r="41" spans="1:5" x14ac:dyDescent="0.2">
      <c r="A41" s="1">
        <v>40</v>
      </c>
      <c r="B41" s="1"/>
      <c r="C41" s="4" t="s">
        <v>95</v>
      </c>
      <c r="D41" s="7" t="s">
        <v>293</v>
      </c>
      <c r="E41" s="82"/>
    </row>
    <row r="42" spans="1:5" x14ac:dyDescent="0.2">
      <c r="A42" s="1">
        <v>41</v>
      </c>
      <c r="B42" s="1" t="s">
        <v>442</v>
      </c>
      <c r="C42" s="4" t="s">
        <v>203</v>
      </c>
      <c r="D42" s="7" t="s">
        <v>294</v>
      </c>
      <c r="E42" s="82"/>
    </row>
    <row r="43" spans="1:5" x14ac:dyDescent="0.2">
      <c r="A43" s="1">
        <v>42</v>
      </c>
      <c r="B43" s="1"/>
      <c r="C43" s="4" t="s">
        <v>96</v>
      </c>
      <c r="D43" s="7" t="s">
        <v>295</v>
      </c>
      <c r="E43" s="82"/>
    </row>
    <row r="44" spans="1:5" x14ac:dyDescent="0.2">
      <c r="A44" s="1">
        <v>43</v>
      </c>
      <c r="B44" s="1"/>
      <c r="C44" s="4" t="s">
        <v>97</v>
      </c>
      <c r="D44" s="7" t="s">
        <v>296</v>
      </c>
      <c r="E44" s="82"/>
    </row>
    <row r="45" spans="1:5" x14ac:dyDescent="0.2">
      <c r="A45" s="1">
        <v>44</v>
      </c>
      <c r="B45" s="1"/>
      <c r="C45" s="4" t="s">
        <v>434</v>
      </c>
      <c r="D45" s="7" t="s">
        <v>435</v>
      </c>
      <c r="E45" s="82"/>
    </row>
    <row r="46" spans="1:5" x14ac:dyDescent="0.2">
      <c r="A46" s="1">
        <v>45</v>
      </c>
      <c r="B46" s="1"/>
      <c r="C46" s="4" t="s">
        <v>98</v>
      </c>
      <c r="D46" s="7" t="s">
        <v>297</v>
      </c>
      <c r="E46" s="82"/>
    </row>
    <row r="47" spans="1:5" x14ac:dyDescent="0.2">
      <c r="A47" s="1">
        <v>46</v>
      </c>
      <c r="B47" s="1"/>
      <c r="C47" s="4" t="s">
        <v>99</v>
      </c>
      <c r="D47" s="7" t="s">
        <v>298</v>
      </c>
      <c r="E47" s="82"/>
    </row>
    <row r="48" spans="1:5" x14ac:dyDescent="0.2">
      <c r="A48" s="1">
        <v>47</v>
      </c>
      <c r="B48" s="1"/>
      <c r="C48" s="4" t="s">
        <v>100</v>
      </c>
      <c r="D48" s="7" t="s">
        <v>299</v>
      </c>
      <c r="E48" s="82"/>
    </row>
    <row r="49" spans="1:5" x14ac:dyDescent="0.2">
      <c r="A49" s="1">
        <v>48</v>
      </c>
      <c r="B49" s="1"/>
      <c r="C49" s="4" t="s">
        <v>101</v>
      </c>
      <c r="D49" s="7" t="s">
        <v>300</v>
      </c>
      <c r="E49" s="82"/>
    </row>
    <row r="50" spans="1:5" x14ac:dyDescent="0.2">
      <c r="A50" s="1">
        <v>49</v>
      </c>
      <c r="B50" s="1"/>
      <c r="C50" s="4" t="s">
        <v>102</v>
      </c>
      <c r="D50" s="7" t="s">
        <v>301</v>
      </c>
      <c r="E50" s="82"/>
    </row>
    <row r="51" spans="1:5" x14ac:dyDescent="0.2">
      <c r="A51" s="1">
        <v>50</v>
      </c>
      <c r="B51" s="1"/>
      <c r="C51" s="4" t="s">
        <v>103</v>
      </c>
      <c r="D51" s="7" t="s">
        <v>302</v>
      </c>
      <c r="E51" s="82"/>
    </row>
    <row r="52" spans="1:5" x14ac:dyDescent="0.2">
      <c r="A52" s="1">
        <v>51</v>
      </c>
      <c r="B52" s="1"/>
      <c r="C52" s="4" t="s">
        <v>104</v>
      </c>
      <c r="D52" s="7" t="s">
        <v>303</v>
      </c>
      <c r="E52" s="82"/>
    </row>
    <row r="53" spans="1:5" x14ac:dyDescent="0.2">
      <c r="A53" s="1">
        <v>52</v>
      </c>
      <c r="B53" s="1" t="s">
        <v>443</v>
      </c>
      <c r="C53" s="4" t="s">
        <v>204</v>
      </c>
      <c r="D53" s="7" t="s">
        <v>304</v>
      </c>
      <c r="E53" s="82"/>
    </row>
    <row r="54" spans="1:5" ht="16.2" customHeight="1" x14ac:dyDescent="0.2">
      <c r="A54" s="1">
        <v>53</v>
      </c>
      <c r="B54" s="1"/>
      <c r="C54" s="4" t="s">
        <v>436</v>
      </c>
      <c r="D54" s="24" t="s">
        <v>852</v>
      </c>
      <c r="E54" s="82"/>
    </row>
    <row r="55" spans="1:5" x14ac:dyDescent="0.2">
      <c r="A55" s="1">
        <v>54</v>
      </c>
      <c r="B55" s="1"/>
      <c r="C55" s="4" t="s">
        <v>105</v>
      </c>
      <c r="D55" s="5" t="s">
        <v>305</v>
      </c>
      <c r="E55" s="82"/>
    </row>
    <row r="56" spans="1:5" x14ac:dyDescent="0.2">
      <c r="A56" s="1">
        <v>55</v>
      </c>
      <c r="B56" s="1"/>
      <c r="C56" s="4" t="s">
        <v>106</v>
      </c>
      <c r="D56" s="7" t="s">
        <v>306</v>
      </c>
      <c r="E56" s="82"/>
    </row>
    <row r="57" spans="1:5" x14ac:dyDescent="0.2">
      <c r="A57" s="1">
        <v>56</v>
      </c>
      <c r="B57" s="1"/>
      <c r="C57" s="4" t="s">
        <v>107</v>
      </c>
      <c r="D57" s="7" t="s">
        <v>307</v>
      </c>
      <c r="E57" s="82"/>
    </row>
    <row r="58" spans="1:5" x14ac:dyDescent="0.2">
      <c r="A58" s="1">
        <v>57</v>
      </c>
      <c r="B58" s="1"/>
      <c r="C58" s="4" t="s">
        <v>108</v>
      </c>
      <c r="D58" s="4" t="s">
        <v>324</v>
      </c>
      <c r="E58" s="82"/>
    </row>
    <row r="59" spans="1:5" x14ac:dyDescent="0.2">
      <c r="A59" s="1">
        <v>58</v>
      </c>
      <c r="B59" s="1"/>
      <c r="C59" s="4" t="s">
        <v>109</v>
      </c>
      <c r="D59" s="10" t="s">
        <v>308</v>
      </c>
      <c r="E59" s="82"/>
    </row>
    <row r="60" spans="1:5" x14ac:dyDescent="0.2">
      <c r="A60" s="1">
        <v>59</v>
      </c>
      <c r="B60" s="1"/>
      <c r="C60" s="4" t="s">
        <v>110</v>
      </c>
      <c r="D60" s="7" t="s">
        <v>309</v>
      </c>
      <c r="E60" s="82"/>
    </row>
    <row r="61" spans="1:5" x14ac:dyDescent="0.2">
      <c r="A61" s="1">
        <v>60</v>
      </c>
      <c r="B61" s="1"/>
      <c r="C61" s="4" t="s">
        <v>801</v>
      </c>
      <c r="D61" s="7" t="s">
        <v>802</v>
      </c>
      <c r="E61" s="82"/>
    </row>
    <row r="62" spans="1:5" x14ac:dyDescent="0.2">
      <c r="A62" s="1">
        <v>61</v>
      </c>
      <c r="B62" s="1" t="s">
        <v>444</v>
      </c>
      <c r="C62" s="4" t="s">
        <v>205</v>
      </c>
      <c r="D62" s="7" t="s">
        <v>310</v>
      </c>
      <c r="E62" s="82"/>
    </row>
    <row r="63" spans="1:5" x14ac:dyDescent="0.2">
      <c r="A63" s="1">
        <v>62</v>
      </c>
      <c r="B63" s="1"/>
      <c r="C63" s="4" t="s">
        <v>111</v>
      </c>
      <c r="D63" s="7" t="s">
        <v>311</v>
      </c>
      <c r="E63" s="82"/>
    </row>
    <row r="64" spans="1:5" x14ac:dyDescent="0.2">
      <c r="A64" s="1">
        <v>63</v>
      </c>
      <c r="B64" s="1"/>
      <c r="C64" s="4" t="s">
        <v>112</v>
      </c>
      <c r="D64" s="7" t="s">
        <v>312</v>
      </c>
      <c r="E64" s="82"/>
    </row>
    <row r="65" spans="1:5" x14ac:dyDescent="0.2">
      <c r="A65" s="1">
        <v>64</v>
      </c>
      <c r="B65" s="1"/>
      <c r="C65" s="4" t="s">
        <v>113</v>
      </c>
      <c r="D65" s="7" t="s">
        <v>313</v>
      </c>
      <c r="E65" s="82"/>
    </row>
    <row r="66" spans="1:5" x14ac:dyDescent="0.2">
      <c r="A66" s="1">
        <v>65</v>
      </c>
      <c r="B66" s="1"/>
      <c r="C66" s="4" t="s">
        <v>114</v>
      </c>
      <c r="D66" s="7" t="s">
        <v>314</v>
      </c>
      <c r="E66" s="82"/>
    </row>
    <row r="67" spans="1:5" x14ac:dyDescent="0.2">
      <c r="A67" s="1">
        <v>66</v>
      </c>
      <c r="B67" s="1"/>
      <c r="C67" s="4" t="s">
        <v>115</v>
      </c>
      <c r="D67" s="7" t="s">
        <v>315</v>
      </c>
      <c r="E67" s="82"/>
    </row>
    <row r="68" spans="1:5" x14ac:dyDescent="0.2">
      <c r="A68" s="1">
        <v>67</v>
      </c>
      <c r="B68" s="1"/>
      <c r="C68" s="4" t="s">
        <v>116</v>
      </c>
      <c r="D68" s="7" t="s">
        <v>316</v>
      </c>
      <c r="E68" s="82"/>
    </row>
    <row r="69" spans="1:5" x14ac:dyDescent="0.2">
      <c r="A69" s="1">
        <v>68</v>
      </c>
      <c r="B69" s="1"/>
      <c r="C69" s="4" t="s">
        <v>117</v>
      </c>
      <c r="D69" s="7" t="s">
        <v>317</v>
      </c>
      <c r="E69" s="82"/>
    </row>
    <row r="70" spans="1:5" x14ac:dyDescent="0.2">
      <c r="A70" s="1">
        <v>69</v>
      </c>
      <c r="B70" s="1"/>
      <c r="C70" s="4" t="s">
        <v>118</v>
      </c>
      <c r="D70" s="7" t="s">
        <v>318</v>
      </c>
      <c r="E70" s="82"/>
    </row>
    <row r="71" spans="1:5" x14ac:dyDescent="0.2">
      <c r="A71" s="1">
        <v>70</v>
      </c>
      <c r="B71" s="1"/>
      <c r="C71" s="4" t="s">
        <v>119</v>
      </c>
      <c r="D71" s="7" t="s">
        <v>319</v>
      </c>
      <c r="E71" s="82"/>
    </row>
    <row r="72" spans="1:5" x14ac:dyDescent="0.2">
      <c r="A72" s="1">
        <v>71</v>
      </c>
      <c r="B72" s="1"/>
      <c r="C72" s="4" t="s">
        <v>120</v>
      </c>
      <c r="D72" s="7" t="s">
        <v>320</v>
      </c>
      <c r="E72" s="82"/>
    </row>
    <row r="73" spans="1:5" x14ac:dyDescent="0.2">
      <c r="A73" s="1">
        <v>72</v>
      </c>
      <c r="B73" s="1"/>
      <c r="C73" s="4" t="s">
        <v>121</v>
      </c>
      <c r="D73" s="7" t="s">
        <v>321</v>
      </c>
      <c r="E73" s="82"/>
    </row>
    <row r="74" spans="1:5" x14ac:dyDescent="0.2">
      <c r="A74" s="1">
        <v>73</v>
      </c>
      <c r="B74" s="1"/>
      <c r="C74" s="4" t="s">
        <v>122</v>
      </c>
      <c r="D74" s="7" t="s">
        <v>322</v>
      </c>
      <c r="E74" s="82"/>
    </row>
    <row r="75" spans="1:5" x14ac:dyDescent="0.2">
      <c r="A75" s="1">
        <v>74</v>
      </c>
      <c r="B75" s="1"/>
      <c r="C75" s="4" t="s">
        <v>123</v>
      </c>
      <c r="D75" s="25" t="s">
        <v>323</v>
      </c>
      <c r="E75" s="82"/>
    </row>
    <row r="76" spans="1:5" x14ac:dyDescent="0.2">
      <c r="A76" s="1">
        <v>75</v>
      </c>
      <c r="B76" s="1" t="s">
        <v>445</v>
      </c>
      <c r="C76" s="4" t="s">
        <v>206</v>
      </c>
      <c r="D76" s="7" t="s">
        <v>325</v>
      </c>
      <c r="E76" s="82"/>
    </row>
    <row r="77" spans="1:5" x14ac:dyDescent="0.2">
      <c r="A77" s="1">
        <v>76</v>
      </c>
      <c r="B77" s="1"/>
      <c r="C77" s="4" t="s">
        <v>124</v>
      </c>
      <c r="D77" s="7" t="s">
        <v>326</v>
      </c>
      <c r="E77" s="82"/>
    </row>
    <row r="78" spans="1:5" x14ac:dyDescent="0.2">
      <c r="A78" s="1">
        <v>77</v>
      </c>
      <c r="B78" s="1"/>
      <c r="C78" s="4" t="s">
        <v>125</v>
      </c>
      <c r="D78" s="7" t="s">
        <v>327</v>
      </c>
      <c r="E78" s="82"/>
    </row>
    <row r="79" spans="1:5" x14ac:dyDescent="0.2">
      <c r="A79" s="1">
        <v>78</v>
      </c>
      <c r="B79" s="1"/>
      <c r="C79" s="4" t="s">
        <v>126</v>
      </c>
      <c r="D79" s="7" t="s">
        <v>328</v>
      </c>
      <c r="E79" s="82"/>
    </row>
    <row r="80" spans="1:5" x14ac:dyDescent="0.2">
      <c r="A80" s="1">
        <v>79</v>
      </c>
      <c r="B80" s="1"/>
      <c r="C80" s="4" t="s">
        <v>127</v>
      </c>
      <c r="D80" s="7" t="s">
        <v>329</v>
      </c>
      <c r="E80" s="82"/>
    </row>
    <row r="81" spans="1:5" x14ac:dyDescent="0.2">
      <c r="A81" s="1">
        <v>80</v>
      </c>
      <c r="B81" s="1"/>
      <c r="C81" s="4" t="s">
        <v>128</v>
      </c>
      <c r="D81" s="9" t="s">
        <v>330</v>
      </c>
      <c r="E81" s="82"/>
    </row>
    <row r="82" spans="1:5" x14ac:dyDescent="0.2">
      <c r="A82" s="1">
        <v>81</v>
      </c>
      <c r="B82" s="1"/>
      <c r="C82" s="4" t="s">
        <v>129</v>
      </c>
      <c r="D82" s="11" t="s">
        <v>331</v>
      </c>
      <c r="E82" s="82"/>
    </row>
    <row r="83" spans="1:5" x14ac:dyDescent="0.2">
      <c r="A83" s="1">
        <v>82</v>
      </c>
      <c r="B83" s="1"/>
      <c r="C83" s="4" t="s">
        <v>130</v>
      </c>
      <c r="D83" s="11" t="s">
        <v>332</v>
      </c>
      <c r="E83" s="82"/>
    </row>
    <row r="84" spans="1:5" x14ac:dyDescent="0.2">
      <c r="A84" s="1">
        <v>83</v>
      </c>
      <c r="B84" s="1" t="s">
        <v>446</v>
      </c>
      <c r="C84" s="4" t="s">
        <v>207</v>
      </c>
      <c r="D84" s="11" t="s">
        <v>333</v>
      </c>
      <c r="E84" s="82"/>
    </row>
    <row r="85" spans="1:5" x14ac:dyDescent="0.2">
      <c r="A85" s="1">
        <v>84</v>
      </c>
      <c r="B85" s="1"/>
      <c r="C85" s="4" t="s">
        <v>131</v>
      </c>
      <c r="D85" s="11" t="s">
        <v>334</v>
      </c>
      <c r="E85" s="82"/>
    </row>
    <row r="86" spans="1:5" x14ac:dyDescent="0.2">
      <c r="A86" s="1">
        <v>85</v>
      </c>
      <c r="B86" s="1"/>
      <c r="C86" s="4" t="s">
        <v>132</v>
      </c>
      <c r="D86" s="12" t="s">
        <v>335</v>
      </c>
      <c r="E86" s="82"/>
    </row>
    <row r="87" spans="1:5" x14ac:dyDescent="0.2">
      <c r="A87" s="1">
        <v>86</v>
      </c>
      <c r="B87" s="1"/>
      <c r="C87" s="4" t="s">
        <v>133</v>
      </c>
      <c r="D87" s="11" t="s">
        <v>336</v>
      </c>
      <c r="E87" s="82"/>
    </row>
    <row r="88" spans="1:5" x14ac:dyDescent="0.2">
      <c r="A88" s="1">
        <v>87</v>
      </c>
      <c r="B88" s="1"/>
      <c r="C88" s="4" t="s">
        <v>134</v>
      </c>
      <c r="D88" s="12" t="s">
        <v>337</v>
      </c>
      <c r="E88" s="82"/>
    </row>
    <row r="89" spans="1:5" x14ac:dyDescent="0.2">
      <c r="A89" s="1">
        <v>88</v>
      </c>
      <c r="B89" s="1"/>
      <c r="C89" s="4" t="s">
        <v>135</v>
      </c>
      <c r="D89" s="9" t="s">
        <v>338</v>
      </c>
      <c r="E89" s="82"/>
    </row>
    <row r="90" spans="1:5" x14ac:dyDescent="0.2">
      <c r="A90" s="1">
        <v>89</v>
      </c>
      <c r="B90" s="1"/>
      <c r="C90" s="4" t="s">
        <v>136</v>
      </c>
      <c r="D90" s="11" t="s">
        <v>339</v>
      </c>
      <c r="E90" s="82"/>
    </row>
    <row r="91" spans="1:5" x14ac:dyDescent="0.2">
      <c r="A91" s="1">
        <v>90</v>
      </c>
      <c r="B91" s="1"/>
      <c r="C91" s="4" t="s">
        <v>137</v>
      </c>
      <c r="D91" s="12" t="s">
        <v>340</v>
      </c>
      <c r="E91" s="82"/>
    </row>
    <row r="92" spans="1:5" x14ac:dyDescent="0.2">
      <c r="A92" s="1">
        <v>91</v>
      </c>
      <c r="B92" s="1"/>
      <c r="C92" s="4" t="s">
        <v>138</v>
      </c>
      <c r="D92" s="12" t="s">
        <v>341</v>
      </c>
      <c r="E92" s="82"/>
    </row>
    <row r="93" spans="1:5" x14ac:dyDescent="0.2">
      <c r="A93" s="1">
        <v>92</v>
      </c>
      <c r="B93" s="1"/>
      <c r="C93" s="4" t="s">
        <v>139</v>
      </c>
      <c r="D93" s="12" t="s">
        <v>342</v>
      </c>
      <c r="E93" s="82"/>
    </row>
    <row r="94" spans="1:5" x14ac:dyDescent="0.2">
      <c r="A94" s="1">
        <v>93</v>
      </c>
      <c r="B94" s="1"/>
      <c r="C94" s="4" t="s">
        <v>803</v>
      </c>
      <c r="D94" s="4" t="s">
        <v>804</v>
      </c>
      <c r="E94" s="82"/>
    </row>
    <row r="95" spans="1:5" x14ac:dyDescent="0.2">
      <c r="A95" s="1">
        <v>94</v>
      </c>
      <c r="B95" s="1" t="s">
        <v>447</v>
      </c>
      <c r="C95" s="4" t="s">
        <v>208</v>
      </c>
      <c r="D95" s="9" t="s">
        <v>343</v>
      </c>
      <c r="E95" s="82"/>
    </row>
    <row r="96" spans="1:5" x14ac:dyDescent="0.2">
      <c r="A96" s="1">
        <v>95</v>
      </c>
      <c r="B96" s="1"/>
      <c r="C96" s="4" t="s">
        <v>140</v>
      </c>
      <c r="D96" s="7" t="s">
        <v>344</v>
      </c>
      <c r="E96" s="82"/>
    </row>
    <row r="97" spans="1:5" x14ac:dyDescent="0.2">
      <c r="A97" s="1">
        <v>96</v>
      </c>
      <c r="B97" s="1"/>
      <c r="C97" s="4" t="s">
        <v>141</v>
      </c>
      <c r="D97" s="7" t="s">
        <v>345</v>
      </c>
      <c r="E97" s="82"/>
    </row>
    <row r="98" spans="1:5" x14ac:dyDescent="0.2">
      <c r="A98" s="1">
        <v>97</v>
      </c>
      <c r="B98" s="1"/>
      <c r="C98" s="4" t="s">
        <v>142</v>
      </c>
      <c r="D98" s="9" t="s">
        <v>346</v>
      </c>
      <c r="E98" s="82"/>
    </row>
    <row r="99" spans="1:5" x14ac:dyDescent="0.2">
      <c r="A99" s="1">
        <v>98</v>
      </c>
      <c r="B99" s="1"/>
      <c r="C99" s="4" t="s">
        <v>143</v>
      </c>
      <c r="D99" s="11" t="s">
        <v>347</v>
      </c>
      <c r="E99" s="82"/>
    </row>
    <row r="100" spans="1:5" x14ac:dyDescent="0.2">
      <c r="A100" s="1">
        <v>99</v>
      </c>
      <c r="B100" s="1"/>
      <c r="C100" s="7" t="s">
        <v>144</v>
      </c>
      <c r="D100" s="7" t="s">
        <v>348</v>
      </c>
      <c r="E100" s="82"/>
    </row>
    <row r="101" spans="1:5" x14ac:dyDescent="0.2">
      <c r="A101" s="1">
        <v>100</v>
      </c>
      <c r="B101" s="1"/>
      <c r="C101" s="7" t="s">
        <v>145</v>
      </c>
      <c r="D101" s="7" t="s">
        <v>349</v>
      </c>
      <c r="E101" s="82"/>
    </row>
    <row r="102" spans="1:5" x14ac:dyDescent="0.2">
      <c r="A102" s="1">
        <v>101</v>
      </c>
      <c r="B102" s="1"/>
      <c r="C102" s="7" t="s">
        <v>146</v>
      </c>
      <c r="D102" s="7" t="s">
        <v>350</v>
      </c>
      <c r="E102" s="82"/>
    </row>
    <row r="103" spans="1:5" x14ac:dyDescent="0.2">
      <c r="A103" s="1">
        <v>102</v>
      </c>
      <c r="B103" s="1"/>
      <c r="C103" s="7" t="s">
        <v>147</v>
      </c>
      <c r="D103" s="13" t="s">
        <v>351</v>
      </c>
      <c r="E103" s="82"/>
    </row>
    <row r="104" spans="1:5" x14ac:dyDescent="0.2">
      <c r="A104" s="1">
        <v>103</v>
      </c>
      <c r="B104" s="1"/>
      <c r="C104" s="7" t="s">
        <v>148</v>
      </c>
      <c r="D104" s="7" t="s">
        <v>352</v>
      </c>
      <c r="E104" s="82"/>
    </row>
    <row r="105" spans="1:5" x14ac:dyDescent="0.2">
      <c r="A105" s="1">
        <v>104</v>
      </c>
      <c r="B105" s="1"/>
      <c r="C105" s="7" t="s">
        <v>149</v>
      </c>
      <c r="D105" s="7" t="s">
        <v>353</v>
      </c>
      <c r="E105" s="82"/>
    </row>
    <row r="106" spans="1:5" x14ac:dyDescent="0.2">
      <c r="A106" s="1">
        <v>105</v>
      </c>
      <c r="B106" s="1" t="s">
        <v>448</v>
      </c>
      <c r="C106" s="7" t="s">
        <v>209</v>
      </c>
      <c r="D106" s="13" t="s">
        <v>354</v>
      </c>
      <c r="E106" s="82"/>
    </row>
    <row r="107" spans="1:5" x14ac:dyDescent="0.2">
      <c r="A107" s="1">
        <v>106</v>
      </c>
      <c r="B107" s="1"/>
      <c r="C107" s="7" t="s">
        <v>150</v>
      </c>
      <c r="D107" s="13" t="s">
        <v>355</v>
      </c>
      <c r="E107" s="82"/>
    </row>
    <row r="108" spans="1:5" x14ac:dyDescent="0.2">
      <c r="A108" s="1">
        <v>107</v>
      </c>
      <c r="B108" s="1"/>
      <c r="C108" s="7" t="s">
        <v>151</v>
      </c>
      <c r="D108" s="7" t="s">
        <v>356</v>
      </c>
      <c r="E108" s="82"/>
    </row>
    <row r="109" spans="1:5" x14ac:dyDescent="0.2">
      <c r="A109" s="1">
        <v>108</v>
      </c>
      <c r="B109" s="1"/>
      <c r="C109" s="7" t="s">
        <v>152</v>
      </c>
      <c r="D109" s="7" t="s">
        <v>357</v>
      </c>
      <c r="E109" s="82"/>
    </row>
    <row r="110" spans="1:5" x14ac:dyDescent="0.2">
      <c r="A110" s="1">
        <v>109</v>
      </c>
      <c r="B110" s="1"/>
      <c r="C110" s="7" t="s">
        <v>360</v>
      </c>
      <c r="D110" s="13" t="s">
        <v>358</v>
      </c>
      <c r="E110" s="82"/>
    </row>
    <row r="111" spans="1:5" x14ac:dyDescent="0.2">
      <c r="A111" s="1">
        <v>110</v>
      </c>
      <c r="B111" s="1"/>
      <c r="C111" s="7" t="s">
        <v>153</v>
      </c>
      <c r="D111" s="13" t="s">
        <v>359</v>
      </c>
      <c r="E111" s="82"/>
    </row>
    <row r="112" spans="1:5" x14ac:dyDescent="0.2">
      <c r="A112" s="1">
        <v>111</v>
      </c>
      <c r="B112" s="1"/>
      <c r="C112" s="7" t="s">
        <v>154</v>
      </c>
      <c r="D112" s="7" t="s">
        <v>361</v>
      </c>
      <c r="E112" s="82"/>
    </row>
    <row r="113" spans="1:5" x14ac:dyDescent="0.2">
      <c r="A113" s="1">
        <v>112</v>
      </c>
      <c r="B113" s="1"/>
      <c r="C113" s="7" t="s">
        <v>155</v>
      </c>
      <c r="D113" s="13" t="s">
        <v>805</v>
      </c>
      <c r="E113" s="82"/>
    </row>
    <row r="114" spans="1:5" x14ac:dyDescent="0.2">
      <c r="A114" s="1">
        <v>113</v>
      </c>
      <c r="B114" s="1" t="s">
        <v>449</v>
      </c>
      <c r="C114" s="7" t="s">
        <v>210</v>
      </c>
      <c r="D114" s="13" t="s">
        <v>362</v>
      </c>
      <c r="E114" s="82"/>
    </row>
    <row r="115" spans="1:5" x14ac:dyDescent="0.2">
      <c r="A115" s="1">
        <v>114</v>
      </c>
      <c r="B115" s="1"/>
      <c r="C115" s="7" t="s">
        <v>156</v>
      </c>
      <c r="D115" s="7" t="s">
        <v>363</v>
      </c>
      <c r="E115" s="82"/>
    </row>
    <row r="116" spans="1:5" x14ac:dyDescent="0.2">
      <c r="A116" s="1">
        <v>115</v>
      </c>
      <c r="B116" s="1"/>
      <c r="C116" s="7" t="s">
        <v>157</v>
      </c>
      <c r="D116" s="13" t="s">
        <v>364</v>
      </c>
      <c r="E116" s="82"/>
    </row>
    <row r="117" spans="1:5" x14ac:dyDescent="0.2">
      <c r="A117" s="1">
        <v>116</v>
      </c>
      <c r="B117" s="1"/>
      <c r="C117" s="7" t="s">
        <v>806</v>
      </c>
      <c r="D117" s="13" t="s">
        <v>807</v>
      </c>
      <c r="E117" s="82"/>
    </row>
    <row r="118" spans="1:5" x14ac:dyDescent="0.2">
      <c r="A118" s="1">
        <v>117</v>
      </c>
      <c r="B118" s="1"/>
      <c r="C118" s="7" t="s">
        <v>158</v>
      </c>
      <c r="D118" s="7" t="s">
        <v>365</v>
      </c>
      <c r="E118" s="82"/>
    </row>
    <row r="119" spans="1:5" x14ac:dyDescent="0.2">
      <c r="A119" s="1">
        <v>118</v>
      </c>
      <c r="B119" s="1"/>
      <c r="C119" s="7" t="s">
        <v>159</v>
      </c>
      <c r="D119" s="13" t="s">
        <v>366</v>
      </c>
      <c r="E119" s="82"/>
    </row>
    <row r="120" spans="1:5" x14ac:dyDescent="0.2">
      <c r="A120" s="1">
        <v>119</v>
      </c>
      <c r="B120" s="1"/>
      <c r="C120" s="7" t="s">
        <v>160</v>
      </c>
      <c r="D120" s="13" t="s">
        <v>367</v>
      </c>
      <c r="E120" s="82"/>
    </row>
    <row r="121" spans="1:5" x14ac:dyDescent="0.2">
      <c r="A121" s="1">
        <v>120</v>
      </c>
      <c r="B121" s="1"/>
      <c r="C121" s="4" t="s">
        <v>161</v>
      </c>
      <c r="D121" s="11" t="s">
        <v>368</v>
      </c>
      <c r="E121" s="82"/>
    </row>
    <row r="122" spans="1:5" x14ac:dyDescent="0.2">
      <c r="A122" s="1">
        <v>121</v>
      </c>
      <c r="B122" s="1"/>
      <c r="C122" s="7" t="s">
        <v>808</v>
      </c>
      <c r="D122" s="13" t="s">
        <v>369</v>
      </c>
      <c r="E122" s="82"/>
    </row>
    <row r="123" spans="1:5" x14ac:dyDescent="0.2">
      <c r="A123" s="1">
        <v>122</v>
      </c>
      <c r="B123" s="1"/>
      <c r="C123" s="7" t="s">
        <v>809</v>
      </c>
      <c r="D123" s="7" t="s">
        <v>370</v>
      </c>
      <c r="E123" s="82"/>
    </row>
    <row r="124" spans="1:5" x14ac:dyDescent="0.2">
      <c r="A124" s="1">
        <v>123</v>
      </c>
      <c r="B124" s="1"/>
      <c r="C124" s="7" t="s">
        <v>162</v>
      </c>
      <c r="D124" s="7" t="s">
        <v>371</v>
      </c>
      <c r="E124" s="82"/>
    </row>
    <row r="125" spans="1:5" x14ac:dyDescent="0.2">
      <c r="A125" s="1">
        <v>124</v>
      </c>
      <c r="B125" s="1"/>
      <c r="C125" s="7" t="s">
        <v>163</v>
      </c>
      <c r="D125" s="13" t="s">
        <v>372</v>
      </c>
      <c r="E125" s="82"/>
    </row>
    <row r="126" spans="1:5" x14ac:dyDescent="0.2">
      <c r="A126" s="1">
        <v>125</v>
      </c>
      <c r="B126" s="1"/>
      <c r="C126" s="7" t="s">
        <v>164</v>
      </c>
      <c r="D126" s="13" t="s">
        <v>373</v>
      </c>
      <c r="E126" s="82"/>
    </row>
    <row r="127" spans="1:5" x14ac:dyDescent="0.2">
      <c r="A127" s="1">
        <v>126</v>
      </c>
      <c r="B127" s="1" t="s">
        <v>450</v>
      </c>
      <c r="C127" s="7" t="s">
        <v>211</v>
      </c>
      <c r="D127" s="7" t="s">
        <v>374</v>
      </c>
      <c r="E127" s="82"/>
    </row>
    <row r="128" spans="1:5" x14ac:dyDescent="0.2">
      <c r="A128" s="1">
        <v>127</v>
      </c>
      <c r="B128" s="1"/>
      <c r="C128" s="7" t="s">
        <v>165</v>
      </c>
      <c r="D128" s="7" t="s">
        <v>375</v>
      </c>
      <c r="E128" s="82"/>
    </row>
    <row r="129" spans="1:5" x14ac:dyDescent="0.2">
      <c r="A129" s="1">
        <v>128</v>
      </c>
      <c r="B129" s="1"/>
      <c r="C129" s="7" t="s">
        <v>810</v>
      </c>
      <c r="D129" s="14" t="s">
        <v>376</v>
      </c>
      <c r="E129" s="82"/>
    </row>
    <row r="130" spans="1:5" x14ac:dyDescent="0.2">
      <c r="A130" s="1">
        <v>129</v>
      </c>
      <c r="B130" s="1"/>
      <c r="C130" s="7" t="s">
        <v>166</v>
      </c>
      <c r="D130" s="7" t="s">
        <v>377</v>
      </c>
      <c r="E130" s="82"/>
    </row>
    <row r="131" spans="1:5" x14ac:dyDescent="0.2">
      <c r="A131" s="1">
        <v>130</v>
      </c>
      <c r="B131" s="1"/>
      <c r="C131" s="7" t="s">
        <v>167</v>
      </c>
      <c r="D131" s="13" t="s">
        <v>378</v>
      </c>
      <c r="E131" s="82"/>
    </row>
    <row r="132" spans="1:5" x14ac:dyDescent="0.2">
      <c r="A132" s="1">
        <v>131</v>
      </c>
      <c r="B132" s="1"/>
      <c r="C132" s="7" t="s">
        <v>168</v>
      </c>
      <c r="D132" s="13" t="s">
        <v>379</v>
      </c>
      <c r="E132" s="82"/>
    </row>
    <row r="133" spans="1:5" x14ac:dyDescent="0.2">
      <c r="A133" s="1">
        <v>132</v>
      </c>
      <c r="B133" s="1"/>
      <c r="C133" s="7" t="s">
        <v>811</v>
      </c>
      <c r="D133" s="13" t="s">
        <v>812</v>
      </c>
      <c r="E133" s="82"/>
    </row>
    <row r="134" spans="1:5" x14ac:dyDescent="0.2">
      <c r="A134" s="1">
        <v>133</v>
      </c>
      <c r="B134" s="1" t="s">
        <v>451</v>
      </c>
      <c r="C134" s="7" t="s">
        <v>212</v>
      </c>
      <c r="D134" s="13" t="s">
        <v>380</v>
      </c>
      <c r="E134" s="82"/>
    </row>
    <row r="135" spans="1:5" x14ac:dyDescent="0.2">
      <c r="A135" s="1">
        <v>134</v>
      </c>
      <c r="B135" s="1"/>
      <c r="C135" s="7" t="s">
        <v>169</v>
      </c>
      <c r="D135" s="7" t="s">
        <v>381</v>
      </c>
      <c r="E135" s="82"/>
    </row>
    <row r="136" spans="1:5" x14ac:dyDescent="0.2">
      <c r="A136" s="1">
        <v>135</v>
      </c>
      <c r="B136" s="1"/>
      <c r="C136" s="7" t="s">
        <v>170</v>
      </c>
      <c r="D136" s="13" t="s">
        <v>382</v>
      </c>
      <c r="E136" s="82"/>
    </row>
    <row r="137" spans="1:5" x14ac:dyDescent="0.2">
      <c r="A137" s="1">
        <v>136</v>
      </c>
      <c r="B137" s="1"/>
      <c r="C137" s="7" t="s">
        <v>171</v>
      </c>
      <c r="D137" s="13" t="s">
        <v>383</v>
      </c>
      <c r="E137" s="82"/>
    </row>
    <row r="138" spans="1:5" x14ac:dyDescent="0.2">
      <c r="A138" s="1">
        <v>137</v>
      </c>
      <c r="B138" s="1"/>
      <c r="C138" s="7" t="s">
        <v>813</v>
      </c>
      <c r="D138" s="13" t="s">
        <v>384</v>
      </c>
      <c r="E138" s="82"/>
    </row>
    <row r="139" spans="1:5" x14ac:dyDescent="0.2">
      <c r="A139" s="1">
        <v>138</v>
      </c>
      <c r="B139" s="1"/>
      <c r="C139" s="7" t="s">
        <v>172</v>
      </c>
      <c r="D139" s="13" t="s">
        <v>385</v>
      </c>
      <c r="E139" s="82"/>
    </row>
    <row r="140" spans="1:5" x14ac:dyDescent="0.2">
      <c r="A140" s="1">
        <v>139</v>
      </c>
      <c r="B140" s="1"/>
      <c r="C140" s="7" t="s">
        <v>173</v>
      </c>
      <c r="D140" s="7" t="s">
        <v>386</v>
      </c>
      <c r="E140" s="82"/>
    </row>
    <row r="141" spans="1:5" x14ac:dyDescent="0.2">
      <c r="A141" s="1">
        <v>140</v>
      </c>
      <c r="B141" s="1"/>
      <c r="C141" s="4" t="s">
        <v>174</v>
      </c>
      <c r="D141" s="9" t="s">
        <v>387</v>
      </c>
      <c r="E141" s="82"/>
    </row>
    <row r="142" spans="1:5" x14ac:dyDescent="0.2">
      <c r="A142" s="1">
        <v>141</v>
      </c>
      <c r="B142" s="1"/>
      <c r="C142" s="4" t="s">
        <v>175</v>
      </c>
      <c r="D142" s="11" t="s">
        <v>388</v>
      </c>
      <c r="E142" s="82"/>
    </row>
    <row r="143" spans="1:5" x14ac:dyDescent="0.2">
      <c r="A143" s="1">
        <v>142</v>
      </c>
      <c r="B143" s="1"/>
      <c r="C143" s="7" t="s">
        <v>176</v>
      </c>
      <c r="D143" s="13" t="s">
        <v>389</v>
      </c>
      <c r="E143" s="82"/>
    </row>
    <row r="144" spans="1:5" x14ac:dyDescent="0.2">
      <c r="A144" s="1">
        <v>143</v>
      </c>
      <c r="B144" s="1"/>
      <c r="C144" s="7" t="s">
        <v>177</v>
      </c>
      <c r="D144" s="7" t="s">
        <v>390</v>
      </c>
      <c r="E144" s="82"/>
    </row>
    <row r="145" spans="1:5" x14ac:dyDescent="0.2">
      <c r="A145" s="1">
        <v>144</v>
      </c>
      <c r="B145" s="1"/>
      <c r="C145" s="7" t="s">
        <v>178</v>
      </c>
      <c r="D145" s="7" t="s">
        <v>814</v>
      </c>
      <c r="E145" s="82"/>
    </row>
    <row r="146" spans="1:5" x14ac:dyDescent="0.2">
      <c r="A146" s="1">
        <v>145</v>
      </c>
      <c r="B146" s="1" t="s">
        <v>452</v>
      </c>
      <c r="C146" s="7" t="s">
        <v>213</v>
      </c>
      <c r="D146" s="10" t="s">
        <v>391</v>
      </c>
      <c r="E146" s="82"/>
    </row>
    <row r="147" spans="1:5" x14ac:dyDescent="0.2">
      <c r="A147" s="1">
        <v>146</v>
      </c>
      <c r="B147" s="1"/>
      <c r="C147" s="7" t="s">
        <v>179</v>
      </c>
      <c r="D147" s="10" t="s">
        <v>392</v>
      </c>
      <c r="E147" s="82"/>
    </row>
    <row r="148" spans="1:5" x14ac:dyDescent="0.2">
      <c r="A148" s="1">
        <v>147</v>
      </c>
      <c r="B148" s="1"/>
      <c r="C148" s="7" t="s">
        <v>180</v>
      </c>
      <c r="D148" s="7" t="s">
        <v>393</v>
      </c>
      <c r="E148" s="82"/>
    </row>
    <row r="149" spans="1:5" x14ac:dyDescent="0.2">
      <c r="A149" s="1">
        <v>148</v>
      </c>
      <c r="B149" s="1"/>
      <c r="C149" s="7" t="s">
        <v>181</v>
      </c>
      <c r="D149" s="10" t="s">
        <v>394</v>
      </c>
      <c r="E149" s="82"/>
    </row>
    <row r="150" spans="1:5" x14ac:dyDescent="0.2">
      <c r="A150" s="1">
        <v>149</v>
      </c>
      <c r="B150" s="1"/>
      <c r="C150" s="4" t="s">
        <v>182</v>
      </c>
      <c r="D150" s="9" t="s">
        <v>395</v>
      </c>
      <c r="E150" s="82"/>
    </row>
    <row r="151" spans="1:5" x14ac:dyDescent="0.2">
      <c r="A151" s="1">
        <v>150</v>
      </c>
      <c r="B151" s="1"/>
      <c r="C151" s="4" t="s">
        <v>183</v>
      </c>
      <c r="D151" s="11" t="s">
        <v>396</v>
      </c>
      <c r="E151" s="82"/>
    </row>
    <row r="152" spans="1:5" x14ac:dyDescent="0.2">
      <c r="A152" s="1">
        <v>151</v>
      </c>
      <c r="B152" s="1"/>
      <c r="C152" s="4" t="s">
        <v>184</v>
      </c>
      <c r="D152" s="12" t="s">
        <v>397</v>
      </c>
      <c r="E152" s="82"/>
    </row>
    <row r="153" spans="1:5" x14ac:dyDescent="0.2">
      <c r="A153" s="1">
        <v>152</v>
      </c>
      <c r="B153" s="1"/>
      <c r="C153" s="4" t="s">
        <v>185</v>
      </c>
      <c r="D153" s="11" t="s">
        <v>413</v>
      </c>
      <c r="E153" s="82"/>
    </row>
    <row r="154" spans="1:5" x14ac:dyDescent="0.2">
      <c r="A154" s="1">
        <v>153</v>
      </c>
      <c r="B154" s="1" t="s">
        <v>453</v>
      </c>
      <c r="C154" s="4" t="s">
        <v>214</v>
      </c>
      <c r="D154" s="4" t="s">
        <v>398</v>
      </c>
      <c r="E154" s="82"/>
    </row>
    <row r="155" spans="1:5" x14ac:dyDescent="0.2">
      <c r="A155" s="1">
        <v>154</v>
      </c>
      <c r="B155" s="1"/>
      <c r="C155" s="4" t="s">
        <v>186</v>
      </c>
      <c r="D155" s="9" t="s">
        <v>399</v>
      </c>
      <c r="E155" s="82"/>
    </row>
    <row r="156" spans="1:5" x14ac:dyDescent="0.2">
      <c r="A156" s="1">
        <v>155</v>
      </c>
      <c r="B156" s="1"/>
      <c r="C156" s="4" t="s">
        <v>187</v>
      </c>
      <c r="D156" s="12" t="s">
        <v>400</v>
      </c>
      <c r="E156" s="82"/>
    </row>
    <row r="157" spans="1:5" x14ac:dyDescent="0.2">
      <c r="A157" s="1">
        <v>156</v>
      </c>
      <c r="B157" s="1"/>
      <c r="C157" s="4" t="s">
        <v>188</v>
      </c>
      <c r="D157" s="12" t="s">
        <v>401</v>
      </c>
      <c r="E157" s="82"/>
    </row>
    <row r="158" spans="1:5" x14ac:dyDescent="0.2">
      <c r="A158" s="1">
        <v>157</v>
      </c>
      <c r="B158" s="1"/>
      <c r="C158" s="4" t="s">
        <v>189</v>
      </c>
      <c r="D158" s="12" t="s">
        <v>402</v>
      </c>
      <c r="E158" s="82"/>
    </row>
    <row r="159" spans="1:5" x14ac:dyDescent="0.2">
      <c r="A159" s="1">
        <v>158</v>
      </c>
      <c r="B159" s="1"/>
      <c r="C159" s="4" t="s">
        <v>190</v>
      </c>
      <c r="D159" s="12" t="s">
        <v>403</v>
      </c>
      <c r="E159" s="82"/>
    </row>
    <row r="160" spans="1:5" x14ac:dyDescent="0.2">
      <c r="A160" s="1">
        <v>159</v>
      </c>
      <c r="B160" s="1"/>
      <c r="C160" s="4" t="s">
        <v>191</v>
      </c>
      <c r="D160" s="11" t="s">
        <v>404</v>
      </c>
      <c r="E160" s="82"/>
    </row>
    <row r="161" spans="1:5" x14ac:dyDescent="0.2">
      <c r="A161" s="1">
        <v>160</v>
      </c>
      <c r="B161" s="1"/>
      <c r="C161" s="4" t="s">
        <v>192</v>
      </c>
      <c r="D161" s="4" t="s">
        <v>815</v>
      </c>
      <c r="E161" s="82"/>
    </row>
    <row r="162" spans="1:5" x14ac:dyDescent="0.2">
      <c r="A162" s="1">
        <v>161</v>
      </c>
      <c r="B162" s="1" t="s">
        <v>454</v>
      </c>
      <c r="C162" s="4" t="s">
        <v>215</v>
      </c>
      <c r="D162" s="12" t="s">
        <v>405</v>
      </c>
      <c r="E162" s="82"/>
    </row>
    <row r="163" spans="1:5" x14ac:dyDescent="0.2">
      <c r="A163" s="1">
        <v>162</v>
      </c>
      <c r="B163" s="1"/>
      <c r="C163" s="4" t="s">
        <v>193</v>
      </c>
      <c r="D163" s="12" t="s">
        <v>406</v>
      </c>
      <c r="E163" s="82"/>
    </row>
    <row r="164" spans="1:5" x14ac:dyDescent="0.2">
      <c r="A164" s="1">
        <v>163</v>
      </c>
      <c r="B164" s="1"/>
      <c r="C164" s="4" t="s">
        <v>194</v>
      </c>
      <c r="D164" s="12" t="s">
        <v>407</v>
      </c>
      <c r="E164" s="82"/>
    </row>
    <row r="165" spans="1:5" x14ac:dyDescent="0.2">
      <c r="A165" s="1">
        <v>164</v>
      </c>
      <c r="B165" s="1"/>
      <c r="C165" s="4" t="s">
        <v>195</v>
      </c>
      <c r="D165" s="12" t="s">
        <v>408</v>
      </c>
      <c r="E165" s="82"/>
    </row>
    <row r="166" spans="1:5" x14ac:dyDescent="0.2">
      <c r="A166" s="1">
        <v>165</v>
      </c>
      <c r="B166" s="1"/>
      <c r="C166" s="4" t="s">
        <v>196</v>
      </c>
      <c r="D166" s="9" t="s">
        <v>409</v>
      </c>
      <c r="E166" s="82"/>
    </row>
    <row r="167" spans="1:5" x14ac:dyDescent="0.2">
      <c r="A167" s="1">
        <v>166</v>
      </c>
      <c r="B167" s="43"/>
      <c r="C167" s="65" t="s">
        <v>197</v>
      </c>
      <c r="D167" s="11" t="s">
        <v>410</v>
      </c>
      <c r="E167" s="82"/>
    </row>
    <row r="168" spans="1:5" x14ac:dyDescent="0.2">
      <c r="A168" s="1"/>
      <c r="B168" s="83"/>
      <c r="C168" s="84"/>
      <c r="D168" s="84"/>
      <c r="E168" s="85"/>
    </row>
    <row r="169" spans="1:5" x14ac:dyDescent="0.2">
      <c r="A169" s="1">
        <v>167</v>
      </c>
      <c r="B169" s="1" t="s">
        <v>216</v>
      </c>
      <c r="C169" s="1" t="s">
        <v>0</v>
      </c>
      <c r="D169" s="20" t="s">
        <v>419</v>
      </c>
      <c r="E169" s="48" t="s">
        <v>420</v>
      </c>
    </row>
    <row r="170" spans="1:5" x14ac:dyDescent="0.2">
      <c r="A170" s="1">
        <v>168</v>
      </c>
      <c r="B170" s="1"/>
      <c r="C170" s="1" t="s">
        <v>1</v>
      </c>
      <c r="D170" s="20" t="s">
        <v>415</v>
      </c>
      <c r="E170" s="48" t="s">
        <v>455</v>
      </c>
    </row>
    <row r="171" spans="1:5" x14ac:dyDescent="0.2">
      <c r="A171" s="1">
        <v>169</v>
      </c>
      <c r="B171" s="1"/>
      <c r="C171" s="1" t="s">
        <v>2</v>
      </c>
      <c r="D171" s="21" t="s">
        <v>421</v>
      </c>
      <c r="E171" s="48" t="s">
        <v>422</v>
      </c>
    </row>
    <row r="172" spans="1:5" x14ac:dyDescent="0.2">
      <c r="A172" s="1">
        <v>170</v>
      </c>
      <c r="B172" s="1"/>
      <c r="C172" s="1" t="s">
        <v>3</v>
      </c>
      <c r="D172" s="19" t="s">
        <v>423</v>
      </c>
      <c r="E172" s="23" t="s">
        <v>456</v>
      </c>
    </row>
    <row r="173" spans="1:5" ht="30.6" customHeight="1" x14ac:dyDescent="0.2">
      <c r="A173" s="1">
        <v>171</v>
      </c>
      <c r="B173" s="1"/>
      <c r="C173" s="1" t="s">
        <v>414</v>
      </c>
      <c r="D173" s="28" t="s">
        <v>424</v>
      </c>
      <c r="E173" s="21" t="s">
        <v>457</v>
      </c>
    </row>
    <row r="174" spans="1:5" x14ac:dyDescent="0.2">
      <c r="A174" s="1">
        <v>172</v>
      </c>
      <c r="B174" s="1"/>
      <c r="C174" s="8" t="s">
        <v>4</v>
      </c>
      <c r="D174" s="19" t="s">
        <v>416</v>
      </c>
      <c r="E174" s="19" t="s">
        <v>458</v>
      </c>
    </row>
    <row r="175" spans="1:5" x14ac:dyDescent="0.2">
      <c r="A175" s="1">
        <v>173</v>
      </c>
      <c r="B175" s="1"/>
      <c r="C175" s="8" t="s">
        <v>5</v>
      </c>
      <c r="D175" s="21" t="s">
        <v>417</v>
      </c>
      <c r="E175" s="23" t="s">
        <v>459</v>
      </c>
    </row>
    <row r="176" spans="1:5" x14ac:dyDescent="0.2">
      <c r="A176" s="1">
        <v>174</v>
      </c>
      <c r="B176" s="1"/>
      <c r="C176" s="8" t="s">
        <v>6</v>
      </c>
      <c r="D176" s="19" t="s">
        <v>418</v>
      </c>
      <c r="E176" s="21" t="s">
        <v>460</v>
      </c>
    </row>
    <row r="177" spans="1:6" x14ac:dyDescent="0.2">
      <c r="A177" s="1">
        <v>175</v>
      </c>
      <c r="B177" s="1"/>
      <c r="C177" s="1" t="s">
        <v>7</v>
      </c>
      <c r="D177" s="23" t="s">
        <v>425</v>
      </c>
      <c r="E177" s="19" t="s">
        <v>461</v>
      </c>
    </row>
    <row r="178" spans="1:6" x14ac:dyDescent="0.2">
      <c r="A178" s="1">
        <v>176</v>
      </c>
      <c r="B178" s="1"/>
      <c r="C178" s="1" t="s">
        <v>8</v>
      </c>
      <c r="D178" s="23" t="s">
        <v>853</v>
      </c>
      <c r="E178" s="21" t="s">
        <v>462</v>
      </c>
    </row>
    <row r="179" spans="1:6" x14ac:dyDescent="0.2">
      <c r="A179" s="1">
        <v>177</v>
      </c>
      <c r="B179" s="1"/>
      <c r="C179" s="1" t="s">
        <v>9</v>
      </c>
      <c r="D179" s="20" t="s">
        <v>426</v>
      </c>
      <c r="E179" s="19" t="s">
        <v>463</v>
      </c>
    </row>
    <row r="180" spans="1:6" x14ac:dyDescent="0.2">
      <c r="A180" s="1">
        <v>178</v>
      </c>
      <c r="B180" s="1"/>
      <c r="C180" s="1" t="s">
        <v>10</v>
      </c>
      <c r="D180" s="22" t="s">
        <v>427</v>
      </c>
      <c r="E180" s="20" t="s">
        <v>817</v>
      </c>
    </row>
    <row r="181" spans="1:6" x14ac:dyDescent="0.2">
      <c r="A181" s="1">
        <v>179</v>
      </c>
      <c r="B181" s="1"/>
      <c r="C181" s="1" t="s">
        <v>11</v>
      </c>
      <c r="D181" s="22" t="s">
        <v>428</v>
      </c>
      <c r="E181" s="21" t="s">
        <v>464</v>
      </c>
    </row>
    <row r="182" spans="1:6" x14ac:dyDescent="0.2">
      <c r="A182" s="1">
        <v>180</v>
      </c>
      <c r="B182" s="1"/>
      <c r="C182" s="1" t="s">
        <v>12</v>
      </c>
      <c r="D182" s="16" t="s">
        <v>429</v>
      </c>
      <c r="E182" s="19" t="s">
        <v>816</v>
      </c>
    </row>
    <row r="183" spans="1:6" x14ac:dyDescent="0.2">
      <c r="A183" s="1">
        <v>181</v>
      </c>
      <c r="B183" s="1"/>
      <c r="C183" s="1" t="s">
        <v>13</v>
      </c>
      <c r="D183" s="15" t="s">
        <v>430</v>
      </c>
      <c r="E183" s="20" t="s">
        <v>465</v>
      </c>
    </row>
    <row r="184" spans="1:6" x14ac:dyDescent="0.2">
      <c r="A184" s="1">
        <v>182</v>
      </c>
      <c r="B184" s="1"/>
      <c r="C184" s="15" t="s">
        <v>854</v>
      </c>
      <c r="D184" s="33" t="s">
        <v>431</v>
      </c>
      <c r="E184" s="20" t="s">
        <v>466</v>
      </c>
    </row>
    <row r="185" spans="1:6" x14ac:dyDescent="0.2">
      <c r="A185" s="1">
        <v>183</v>
      </c>
      <c r="B185" s="1"/>
      <c r="C185" s="30" t="s">
        <v>855</v>
      </c>
      <c r="D185" s="33" t="s">
        <v>432</v>
      </c>
      <c r="E185" s="21" t="s">
        <v>467</v>
      </c>
    </row>
    <row r="186" spans="1:6" x14ac:dyDescent="0.2">
      <c r="A186" s="1">
        <v>184</v>
      </c>
      <c r="B186" s="43"/>
      <c r="C186" s="30" t="s">
        <v>856</v>
      </c>
      <c r="D186" s="33" t="s">
        <v>433</v>
      </c>
      <c r="E186" s="21" t="s">
        <v>468</v>
      </c>
    </row>
    <row r="187" spans="1:6" x14ac:dyDescent="0.2">
      <c r="A187" s="83"/>
      <c r="B187" s="84"/>
      <c r="C187" s="84"/>
      <c r="D187" s="84"/>
      <c r="E187" s="85"/>
      <c r="F187" s="47"/>
    </row>
    <row r="188" spans="1:6" x14ac:dyDescent="0.2">
      <c r="A188" s="3">
        <v>185</v>
      </c>
      <c r="B188" s="3" t="s">
        <v>217</v>
      </c>
      <c r="C188" s="15" t="s">
        <v>14</v>
      </c>
      <c r="D188" s="42" t="s">
        <v>503</v>
      </c>
      <c r="E188" s="39" t="s">
        <v>541</v>
      </c>
    </row>
    <row r="189" spans="1:6" x14ac:dyDescent="0.2">
      <c r="A189" s="1">
        <v>186</v>
      </c>
      <c r="B189" s="1"/>
      <c r="C189" s="30" t="s">
        <v>15</v>
      </c>
      <c r="D189" s="33" t="s">
        <v>504</v>
      </c>
      <c r="E189" s="39" t="s">
        <v>542</v>
      </c>
    </row>
    <row r="190" spans="1:6" x14ac:dyDescent="0.2">
      <c r="A190" s="1">
        <v>187</v>
      </c>
      <c r="B190" s="1"/>
      <c r="C190" s="30" t="s">
        <v>469</v>
      </c>
      <c r="D190" s="33" t="s">
        <v>538</v>
      </c>
      <c r="E190" s="44" t="s">
        <v>543</v>
      </c>
    </row>
    <row r="191" spans="1:6" x14ac:dyDescent="0.2">
      <c r="A191" s="3">
        <v>188</v>
      </c>
      <c r="B191" s="1"/>
      <c r="C191" s="30" t="s">
        <v>470</v>
      </c>
      <c r="D191" s="37" t="s">
        <v>505</v>
      </c>
      <c r="E191" s="40" t="s">
        <v>544</v>
      </c>
    </row>
    <row r="192" spans="1:6" x14ac:dyDescent="0.2">
      <c r="A192" s="1">
        <v>189</v>
      </c>
      <c r="B192" s="1"/>
      <c r="C192" s="30" t="s">
        <v>471</v>
      </c>
      <c r="D192" s="33" t="s">
        <v>506</v>
      </c>
      <c r="E192" s="39" t="s">
        <v>545</v>
      </c>
    </row>
    <row r="193" spans="1:5" x14ac:dyDescent="0.2">
      <c r="A193" s="1">
        <v>190</v>
      </c>
      <c r="B193" s="1"/>
      <c r="C193" s="22" t="s">
        <v>472</v>
      </c>
      <c r="D193" s="33" t="s">
        <v>507</v>
      </c>
      <c r="E193" s="39" t="s">
        <v>546</v>
      </c>
    </row>
    <row r="194" spans="1:5" x14ac:dyDescent="0.2">
      <c r="A194" s="3">
        <v>191</v>
      </c>
      <c r="B194" s="1"/>
      <c r="C194" s="30" t="s">
        <v>16</v>
      </c>
      <c r="D194" s="44" t="s">
        <v>509</v>
      </c>
      <c r="E194" s="44" t="s">
        <v>547</v>
      </c>
    </row>
    <row r="195" spans="1:5" x14ac:dyDescent="0.2">
      <c r="A195" s="1">
        <v>192</v>
      </c>
      <c r="B195" s="1"/>
      <c r="C195" s="22" t="s">
        <v>17</v>
      </c>
      <c r="D195" s="1" t="s">
        <v>508</v>
      </c>
      <c r="E195" s="44" t="s">
        <v>548</v>
      </c>
    </row>
    <row r="196" spans="1:5" x14ac:dyDescent="0.2">
      <c r="A196" s="1">
        <v>193</v>
      </c>
      <c r="B196" s="1"/>
      <c r="C196" s="16" t="s">
        <v>473</v>
      </c>
      <c r="D196" s="40" t="s">
        <v>510</v>
      </c>
      <c r="E196" s="49" t="s">
        <v>549</v>
      </c>
    </row>
    <row r="197" spans="1:5" x14ac:dyDescent="0.2">
      <c r="A197" s="3">
        <v>194</v>
      </c>
      <c r="B197" s="1"/>
      <c r="C197" s="22" t="s">
        <v>474</v>
      </c>
      <c r="D197" s="37" t="s">
        <v>511</v>
      </c>
      <c r="E197" s="54" t="s">
        <v>550</v>
      </c>
    </row>
    <row r="198" spans="1:5" x14ac:dyDescent="0.2">
      <c r="A198" s="1">
        <v>195</v>
      </c>
      <c r="B198" s="1"/>
      <c r="C198" s="16" t="s">
        <v>475</v>
      </c>
      <c r="D198" s="33" t="s">
        <v>512</v>
      </c>
      <c r="E198" s="53" t="s">
        <v>551</v>
      </c>
    </row>
    <row r="199" spans="1:5" x14ac:dyDescent="0.2">
      <c r="A199" s="1">
        <v>196</v>
      </c>
      <c r="B199" s="1"/>
      <c r="C199" s="30" t="s">
        <v>476</v>
      </c>
      <c r="D199" s="41" t="s">
        <v>513</v>
      </c>
      <c r="E199" s="55" t="s">
        <v>552</v>
      </c>
    </row>
    <row r="200" spans="1:5" x14ac:dyDescent="0.2">
      <c r="A200" s="3">
        <v>197</v>
      </c>
      <c r="B200" s="1"/>
      <c r="C200" s="30" t="s">
        <v>477</v>
      </c>
      <c r="D200" s="33" t="s">
        <v>539</v>
      </c>
      <c r="E200" s="55" t="s">
        <v>553</v>
      </c>
    </row>
    <row r="201" spans="1:5" x14ac:dyDescent="0.2">
      <c r="A201" s="1">
        <v>198</v>
      </c>
      <c r="B201" s="1"/>
      <c r="C201" s="22" t="s">
        <v>478</v>
      </c>
      <c r="D201" s="33" t="s">
        <v>514</v>
      </c>
      <c r="E201" s="55" t="s">
        <v>554</v>
      </c>
    </row>
    <row r="202" spans="1:5" x14ac:dyDescent="0.2">
      <c r="A202" s="1">
        <v>199</v>
      </c>
      <c r="B202" s="1"/>
      <c r="C202" s="15" t="s">
        <v>479</v>
      </c>
      <c r="D202" s="37" t="s">
        <v>515</v>
      </c>
      <c r="E202" s="55" t="s">
        <v>555</v>
      </c>
    </row>
    <row r="203" spans="1:5" x14ac:dyDescent="0.2">
      <c r="A203" s="3">
        <v>200</v>
      </c>
      <c r="B203" s="1"/>
      <c r="C203" s="30" t="s">
        <v>480</v>
      </c>
      <c r="D203" s="37" t="s">
        <v>516</v>
      </c>
      <c r="E203" s="54" t="s">
        <v>556</v>
      </c>
    </row>
    <row r="204" spans="1:5" x14ac:dyDescent="0.2">
      <c r="A204" s="1">
        <v>201</v>
      </c>
      <c r="B204" s="1"/>
      <c r="C204" s="22" t="s">
        <v>481</v>
      </c>
      <c r="D204" s="42" t="s">
        <v>517</v>
      </c>
      <c r="E204" s="53" t="s">
        <v>557</v>
      </c>
    </row>
    <row r="205" spans="1:5" x14ac:dyDescent="0.2">
      <c r="A205" s="1">
        <v>202</v>
      </c>
      <c r="B205" s="1"/>
      <c r="C205" s="32" t="s">
        <v>482</v>
      </c>
      <c r="D205" s="37" t="s">
        <v>518</v>
      </c>
      <c r="E205" s="55" t="s">
        <v>558</v>
      </c>
    </row>
    <row r="206" spans="1:5" x14ac:dyDescent="0.2">
      <c r="A206" s="3">
        <v>203</v>
      </c>
      <c r="B206" s="1"/>
      <c r="C206" s="22" t="s">
        <v>483</v>
      </c>
      <c r="D206" s="43" t="s">
        <v>519</v>
      </c>
      <c r="E206" s="55" t="s">
        <v>559</v>
      </c>
    </row>
    <row r="207" spans="1:5" x14ac:dyDescent="0.2">
      <c r="A207" s="1">
        <v>204</v>
      </c>
      <c r="B207" s="1"/>
      <c r="C207" s="22" t="s">
        <v>484</v>
      </c>
      <c r="D207" s="39" t="s">
        <v>520</v>
      </c>
      <c r="E207" s="55" t="s">
        <v>560</v>
      </c>
    </row>
    <row r="208" spans="1:5" x14ac:dyDescent="0.2">
      <c r="A208" s="1">
        <v>205</v>
      </c>
      <c r="B208" s="1"/>
      <c r="C208" s="22" t="s">
        <v>485</v>
      </c>
      <c r="D208" s="1" t="s">
        <v>521</v>
      </c>
      <c r="E208" s="54" t="s">
        <v>561</v>
      </c>
    </row>
    <row r="209" spans="1:6" x14ac:dyDescent="0.2">
      <c r="A209" s="3">
        <v>206</v>
      </c>
      <c r="B209" s="1"/>
      <c r="C209" s="15" t="s">
        <v>486</v>
      </c>
      <c r="D209" s="46" t="s">
        <v>522</v>
      </c>
      <c r="E209" s="56" t="s">
        <v>562</v>
      </c>
    </row>
    <row r="210" spans="1:6" x14ac:dyDescent="0.2">
      <c r="A210" s="1">
        <v>207</v>
      </c>
      <c r="B210" s="1"/>
      <c r="C210" s="22" t="s">
        <v>487</v>
      </c>
      <c r="D210" s="1" t="s">
        <v>525</v>
      </c>
      <c r="E210" s="57" t="s">
        <v>563</v>
      </c>
    </row>
    <row r="211" spans="1:6" x14ac:dyDescent="0.2">
      <c r="A211" s="1">
        <v>208</v>
      </c>
      <c r="B211" s="1"/>
      <c r="C211" s="15" t="s">
        <v>488</v>
      </c>
      <c r="D211" s="43" t="s">
        <v>523</v>
      </c>
      <c r="E211" s="55" t="s">
        <v>564</v>
      </c>
    </row>
    <row r="212" spans="1:6" x14ac:dyDescent="0.2">
      <c r="A212" s="3">
        <v>209</v>
      </c>
      <c r="B212" s="1"/>
      <c r="C212" s="22" t="s">
        <v>489</v>
      </c>
      <c r="D212" s="39" t="s">
        <v>524</v>
      </c>
      <c r="E212" s="55" t="s">
        <v>565</v>
      </c>
    </row>
    <row r="213" spans="1:6" x14ac:dyDescent="0.2">
      <c r="A213" s="1">
        <v>210</v>
      </c>
      <c r="B213" s="1"/>
      <c r="C213" s="15" t="s">
        <v>490</v>
      </c>
      <c r="D213" s="43" t="s">
        <v>526</v>
      </c>
      <c r="E213" s="55" t="s">
        <v>566</v>
      </c>
    </row>
    <row r="214" spans="1:6" x14ac:dyDescent="0.2">
      <c r="A214" s="1">
        <v>211</v>
      </c>
      <c r="B214" s="1"/>
      <c r="C214" s="30" t="s">
        <v>491</v>
      </c>
      <c r="D214" s="39" t="s">
        <v>527</v>
      </c>
      <c r="E214" s="55" t="s">
        <v>567</v>
      </c>
    </row>
    <row r="215" spans="1:6" x14ac:dyDescent="0.2">
      <c r="A215" s="3">
        <v>212</v>
      </c>
      <c r="B215" s="1"/>
      <c r="C215" s="30" t="s">
        <v>492</v>
      </c>
      <c r="D215" s="43" t="s">
        <v>528</v>
      </c>
      <c r="E215" s="55" t="s">
        <v>568</v>
      </c>
    </row>
    <row r="216" spans="1:6" x14ac:dyDescent="0.2">
      <c r="A216" s="1">
        <v>213</v>
      </c>
      <c r="B216" s="1"/>
      <c r="C216" s="30" t="s">
        <v>493</v>
      </c>
      <c r="D216" s="43" t="s">
        <v>529</v>
      </c>
      <c r="E216" s="55" t="s">
        <v>569</v>
      </c>
    </row>
    <row r="217" spans="1:6" x14ac:dyDescent="0.2">
      <c r="A217" s="1">
        <v>214</v>
      </c>
      <c r="B217" s="1"/>
      <c r="C217" s="22" t="s">
        <v>494</v>
      </c>
      <c r="D217" s="43" t="s">
        <v>530</v>
      </c>
      <c r="E217" s="55" t="s">
        <v>570</v>
      </c>
    </row>
    <row r="218" spans="1:6" x14ac:dyDescent="0.2">
      <c r="A218" s="3">
        <v>215</v>
      </c>
      <c r="B218" s="1"/>
      <c r="C218" s="30" t="s">
        <v>495</v>
      </c>
      <c r="D218" s="43" t="s">
        <v>531</v>
      </c>
      <c r="E218" s="55" t="s">
        <v>571</v>
      </c>
    </row>
    <row r="219" spans="1:6" x14ac:dyDescent="0.2">
      <c r="A219" s="1">
        <v>216</v>
      </c>
      <c r="B219" s="1"/>
      <c r="C219" s="30" t="s">
        <v>496</v>
      </c>
      <c r="D219" s="43" t="s">
        <v>532</v>
      </c>
      <c r="E219" s="54" t="s">
        <v>572</v>
      </c>
    </row>
    <row r="220" spans="1:6" x14ac:dyDescent="0.2">
      <c r="A220" s="1">
        <v>217</v>
      </c>
      <c r="B220" s="1"/>
      <c r="C220" s="30" t="s">
        <v>497</v>
      </c>
      <c r="D220" s="43" t="s">
        <v>533</v>
      </c>
      <c r="E220" s="53" t="s">
        <v>573</v>
      </c>
    </row>
    <row r="221" spans="1:6" x14ac:dyDescent="0.2">
      <c r="A221" s="3">
        <v>218</v>
      </c>
      <c r="B221" s="1"/>
      <c r="C221" s="30" t="s">
        <v>498</v>
      </c>
      <c r="D221" s="43" t="s">
        <v>534</v>
      </c>
      <c r="E221" s="54" t="s">
        <v>574</v>
      </c>
    </row>
    <row r="222" spans="1:6" x14ac:dyDescent="0.2">
      <c r="A222" s="1">
        <v>219</v>
      </c>
      <c r="B222" s="1"/>
      <c r="C222" s="22" t="s">
        <v>499</v>
      </c>
      <c r="D222" s="44" t="s">
        <v>535</v>
      </c>
      <c r="E222" s="53" t="s">
        <v>575</v>
      </c>
    </row>
    <row r="223" spans="1:6" x14ac:dyDescent="0.2">
      <c r="A223" s="1">
        <v>220</v>
      </c>
      <c r="B223" s="1"/>
      <c r="C223" s="22" t="s">
        <v>500</v>
      </c>
      <c r="D223" s="18" t="s">
        <v>536</v>
      </c>
      <c r="E223" s="54" t="s">
        <v>576</v>
      </c>
    </row>
    <row r="224" spans="1:6" x14ac:dyDescent="0.2">
      <c r="A224" s="3">
        <v>221</v>
      </c>
      <c r="B224" s="1"/>
      <c r="C224" s="15" t="s">
        <v>501</v>
      </c>
      <c r="D224" s="43" t="s">
        <v>537</v>
      </c>
      <c r="E224" s="54" t="s">
        <v>577</v>
      </c>
      <c r="F224" s="29"/>
    </row>
    <row r="225" spans="1:6" x14ac:dyDescent="0.2">
      <c r="A225" s="1">
        <v>222</v>
      </c>
      <c r="B225" s="1"/>
      <c r="C225" s="22" t="s">
        <v>502</v>
      </c>
      <c r="D225" s="8" t="s">
        <v>540</v>
      </c>
      <c r="E225" s="54" t="s">
        <v>578</v>
      </c>
      <c r="F225" s="29"/>
    </row>
    <row r="226" spans="1:6" x14ac:dyDescent="0.2">
      <c r="A226" s="83"/>
      <c r="B226" s="84"/>
      <c r="C226" s="84"/>
      <c r="D226" s="84"/>
      <c r="E226" s="85"/>
      <c r="F226" s="29"/>
    </row>
    <row r="227" spans="1:6" x14ac:dyDescent="0.2">
      <c r="A227" s="3">
        <v>223</v>
      </c>
      <c r="B227" s="3" t="s">
        <v>218</v>
      </c>
      <c r="C227" s="1" t="s">
        <v>18</v>
      </c>
      <c r="D227" s="30" t="s">
        <v>579</v>
      </c>
      <c r="E227" s="86" t="s">
        <v>590</v>
      </c>
    </row>
    <row r="228" spans="1:6" x14ac:dyDescent="0.2">
      <c r="A228" s="1">
        <v>224</v>
      </c>
      <c r="B228" s="1"/>
      <c r="C228" s="4" t="s">
        <v>19</v>
      </c>
      <c r="D228" s="22" t="s">
        <v>580</v>
      </c>
      <c r="E228" s="87"/>
    </row>
    <row r="229" spans="1:6" x14ac:dyDescent="0.2">
      <c r="A229" s="1">
        <v>225</v>
      </c>
      <c r="B229" s="1"/>
      <c r="C229" s="4" t="s">
        <v>20</v>
      </c>
      <c r="D229" s="15" t="s">
        <v>581</v>
      </c>
      <c r="E229" s="87"/>
    </row>
    <row r="230" spans="1:6" x14ac:dyDescent="0.2">
      <c r="A230" s="3">
        <v>226</v>
      </c>
      <c r="B230" s="1"/>
      <c r="C230" s="4" t="s">
        <v>21</v>
      </c>
      <c r="D230" s="30" t="s">
        <v>582</v>
      </c>
      <c r="E230" s="87"/>
    </row>
    <row r="231" spans="1:6" x14ac:dyDescent="0.2">
      <c r="A231" s="1">
        <v>227</v>
      </c>
      <c r="B231" s="1"/>
      <c r="C231" s="4" t="s">
        <v>22</v>
      </c>
      <c r="D231" s="30" t="s">
        <v>583</v>
      </c>
      <c r="E231" s="87"/>
    </row>
    <row r="232" spans="1:6" x14ac:dyDescent="0.2">
      <c r="A232" s="1">
        <v>228</v>
      </c>
      <c r="B232" s="1"/>
      <c r="C232" s="4" t="s">
        <v>23</v>
      </c>
      <c r="D232" s="30" t="s">
        <v>584</v>
      </c>
      <c r="E232" s="87"/>
    </row>
    <row r="233" spans="1:6" x14ac:dyDescent="0.2">
      <c r="A233" s="3">
        <v>229</v>
      </c>
      <c r="B233" s="1"/>
      <c r="C233" s="4" t="s">
        <v>24</v>
      </c>
      <c r="D233" s="30" t="s">
        <v>585</v>
      </c>
      <c r="E233" s="87"/>
    </row>
    <row r="234" spans="1:6" x14ac:dyDescent="0.2">
      <c r="A234" s="1">
        <v>230</v>
      </c>
      <c r="B234" s="1"/>
      <c r="C234" s="4" t="s">
        <v>25</v>
      </c>
      <c r="D234" s="22" t="s">
        <v>586</v>
      </c>
      <c r="E234" s="87"/>
    </row>
    <row r="235" spans="1:6" x14ac:dyDescent="0.2">
      <c r="A235" s="1">
        <v>231</v>
      </c>
      <c r="B235" s="1"/>
      <c r="C235" s="4" t="s">
        <v>26</v>
      </c>
      <c r="D235" s="15" t="s">
        <v>587</v>
      </c>
      <c r="E235" s="87"/>
    </row>
    <row r="236" spans="1:6" x14ac:dyDescent="0.2">
      <c r="A236" s="3">
        <v>232</v>
      </c>
      <c r="B236" s="1"/>
      <c r="C236" s="4" t="s">
        <v>27</v>
      </c>
      <c r="D236" s="30" t="s">
        <v>588</v>
      </c>
      <c r="E236" s="87"/>
    </row>
    <row r="237" spans="1:6" x14ac:dyDescent="0.2">
      <c r="A237" s="1">
        <v>233</v>
      </c>
      <c r="B237" s="1"/>
      <c r="C237" s="7" t="s">
        <v>28</v>
      </c>
      <c r="D237" s="22" t="s">
        <v>589</v>
      </c>
      <c r="E237" s="88"/>
    </row>
    <row r="238" spans="1:6" x14ac:dyDescent="0.2">
      <c r="A238" s="1"/>
      <c r="B238" s="83"/>
      <c r="C238" s="84"/>
      <c r="D238" s="84"/>
      <c r="E238" s="85"/>
    </row>
    <row r="239" spans="1:6" x14ac:dyDescent="0.2">
      <c r="A239" s="1">
        <v>234</v>
      </c>
      <c r="B239" s="1" t="s">
        <v>219</v>
      </c>
      <c r="C239" s="1" t="s">
        <v>29</v>
      </c>
      <c r="D239" s="58" t="s">
        <v>591</v>
      </c>
      <c r="E239" s="37" t="s">
        <v>592</v>
      </c>
      <c r="F239" s="47"/>
    </row>
    <row r="240" spans="1:6" x14ac:dyDescent="0.2">
      <c r="A240" s="1"/>
      <c r="B240" s="83"/>
      <c r="C240" s="84"/>
      <c r="D240" s="84"/>
      <c r="E240" s="85"/>
    </row>
    <row r="241" spans="1:5" x14ac:dyDescent="0.2">
      <c r="A241" s="1">
        <v>235</v>
      </c>
      <c r="B241" s="1" t="s">
        <v>220</v>
      </c>
      <c r="C241" s="1" t="s">
        <v>18</v>
      </c>
      <c r="D241" s="43" t="s">
        <v>594</v>
      </c>
      <c r="E241" s="44" t="s">
        <v>595</v>
      </c>
    </row>
    <row r="242" spans="1:5" x14ac:dyDescent="0.2">
      <c r="A242" s="1">
        <v>236</v>
      </c>
      <c r="B242" s="1"/>
      <c r="C242" s="1" t="s">
        <v>30</v>
      </c>
      <c r="D242" s="61" t="s">
        <v>819</v>
      </c>
      <c r="E242" s="6" t="s">
        <v>596</v>
      </c>
    </row>
    <row r="243" spans="1:5" x14ac:dyDescent="0.2">
      <c r="A243" s="1">
        <v>237</v>
      </c>
      <c r="B243" s="1"/>
      <c r="C243" s="1" t="s">
        <v>31</v>
      </c>
      <c r="D243" s="43" t="s">
        <v>820</v>
      </c>
      <c r="E243" s="1" t="s">
        <v>597</v>
      </c>
    </row>
    <row r="244" spans="1:5" x14ac:dyDescent="0.2">
      <c r="A244" s="1">
        <v>238</v>
      </c>
      <c r="B244" s="1"/>
      <c r="C244" s="1" t="s">
        <v>32</v>
      </c>
      <c r="D244" s="1" t="s">
        <v>821</v>
      </c>
      <c r="E244" s="1" t="s">
        <v>598</v>
      </c>
    </row>
    <row r="245" spans="1:5" x14ac:dyDescent="0.2">
      <c r="A245" s="1">
        <v>239</v>
      </c>
      <c r="B245" s="1"/>
      <c r="C245" s="1" t="s">
        <v>33</v>
      </c>
      <c r="D245" s="46" t="s">
        <v>822</v>
      </c>
      <c r="E245" s="1" t="s">
        <v>599</v>
      </c>
    </row>
    <row r="246" spans="1:5" x14ac:dyDescent="0.2">
      <c r="A246" s="1">
        <v>240</v>
      </c>
      <c r="B246" s="1"/>
      <c r="C246" s="1" t="s">
        <v>34</v>
      </c>
      <c r="D246" s="43" t="s">
        <v>823</v>
      </c>
      <c r="E246" s="6" t="s">
        <v>600</v>
      </c>
    </row>
    <row r="247" spans="1:5" x14ac:dyDescent="0.2">
      <c r="A247" s="1">
        <v>241</v>
      </c>
      <c r="B247" s="43"/>
      <c r="C247" s="43" t="s">
        <v>35</v>
      </c>
      <c r="D247" s="1" t="s">
        <v>601</v>
      </c>
      <c r="E247" s="1" t="s">
        <v>602</v>
      </c>
    </row>
    <row r="248" spans="1:5" x14ac:dyDescent="0.2">
      <c r="A248" s="1"/>
      <c r="B248" s="83"/>
      <c r="C248" s="84"/>
      <c r="D248" s="90"/>
      <c r="E248" s="85"/>
    </row>
    <row r="249" spans="1:5" x14ac:dyDescent="0.2">
      <c r="A249" s="1">
        <v>242</v>
      </c>
      <c r="B249" s="1" t="s">
        <v>221</v>
      </c>
      <c r="C249" s="1" t="s">
        <v>36</v>
      </c>
      <c r="D249" s="33" t="s">
        <v>837</v>
      </c>
      <c r="E249" s="86" t="s">
        <v>619</v>
      </c>
    </row>
    <row r="250" spans="1:5" x14ac:dyDescent="0.2">
      <c r="A250" s="1">
        <v>243</v>
      </c>
      <c r="B250" s="1"/>
      <c r="C250" s="1" t="s">
        <v>603</v>
      </c>
      <c r="D250" s="37" t="s">
        <v>836</v>
      </c>
      <c r="E250" s="87"/>
    </row>
    <row r="251" spans="1:5" x14ac:dyDescent="0.2">
      <c r="A251" s="1">
        <v>244</v>
      </c>
      <c r="B251" s="1"/>
      <c r="C251" s="1" t="s">
        <v>37</v>
      </c>
      <c r="D251" s="18" t="s">
        <v>605</v>
      </c>
      <c r="E251" s="87"/>
    </row>
    <row r="252" spans="1:5" x14ac:dyDescent="0.2">
      <c r="A252" s="1">
        <v>245</v>
      </c>
      <c r="B252" s="1"/>
      <c r="C252" s="1" t="s">
        <v>249</v>
      </c>
      <c r="D252" s="33" t="s">
        <v>606</v>
      </c>
      <c r="E252" s="87"/>
    </row>
    <row r="253" spans="1:5" x14ac:dyDescent="0.2">
      <c r="A253" s="1">
        <v>246</v>
      </c>
      <c r="B253" s="1"/>
      <c r="C253" s="1" t="s">
        <v>824</v>
      </c>
      <c r="D253" s="37" t="s">
        <v>607</v>
      </c>
      <c r="E253" s="87"/>
    </row>
    <row r="254" spans="1:5" x14ac:dyDescent="0.2">
      <c r="A254" s="1">
        <v>247</v>
      </c>
      <c r="B254" s="1"/>
      <c r="C254" s="1" t="s">
        <v>825</v>
      </c>
      <c r="D254" s="38" t="s">
        <v>608</v>
      </c>
      <c r="E254" s="87"/>
    </row>
    <row r="255" spans="1:5" x14ac:dyDescent="0.2">
      <c r="A255" s="1">
        <v>248</v>
      </c>
      <c r="B255" s="1"/>
      <c r="C255" s="1" t="s">
        <v>826</v>
      </c>
      <c r="D255" s="33" t="s">
        <v>609</v>
      </c>
      <c r="E255" s="87"/>
    </row>
    <row r="256" spans="1:5" x14ac:dyDescent="0.2">
      <c r="A256" s="1">
        <v>249</v>
      </c>
      <c r="B256" s="1"/>
      <c r="C256" s="1" t="s">
        <v>827</v>
      </c>
      <c r="D256" s="33" t="s">
        <v>610</v>
      </c>
      <c r="E256" s="87"/>
    </row>
    <row r="257" spans="1:6" x14ac:dyDescent="0.2">
      <c r="A257" s="1">
        <v>250</v>
      </c>
      <c r="B257" s="1"/>
      <c r="C257" s="1" t="s">
        <v>828</v>
      </c>
      <c r="D257" s="37" t="s">
        <v>611</v>
      </c>
      <c r="E257" s="87"/>
    </row>
    <row r="258" spans="1:6" x14ac:dyDescent="0.2">
      <c r="A258" s="1">
        <v>251</v>
      </c>
      <c r="B258" s="1"/>
      <c r="C258" s="1" t="s">
        <v>829</v>
      </c>
      <c r="D258" s="37" t="s">
        <v>612</v>
      </c>
      <c r="E258" s="87"/>
    </row>
    <row r="259" spans="1:6" x14ac:dyDescent="0.2">
      <c r="A259" s="1">
        <v>252</v>
      </c>
      <c r="B259" s="1"/>
      <c r="C259" s="1" t="s">
        <v>830</v>
      </c>
      <c r="D259" s="37" t="s">
        <v>613</v>
      </c>
      <c r="E259" s="87"/>
    </row>
    <row r="260" spans="1:6" x14ac:dyDescent="0.2">
      <c r="A260" s="1">
        <v>253</v>
      </c>
      <c r="B260" s="1"/>
      <c r="C260" s="1" t="s">
        <v>831</v>
      </c>
      <c r="D260" s="38" t="s">
        <v>614</v>
      </c>
      <c r="E260" s="87"/>
    </row>
    <row r="261" spans="1:6" x14ac:dyDescent="0.2">
      <c r="A261" s="1">
        <v>254</v>
      </c>
      <c r="B261" s="1"/>
      <c r="C261" s="1" t="s">
        <v>832</v>
      </c>
      <c r="D261" s="33" t="s">
        <v>615</v>
      </c>
      <c r="E261" s="87"/>
    </row>
    <row r="262" spans="1:6" x14ac:dyDescent="0.2">
      <c r="A262" s="1">
        <v>255</v>
      </c>
      <c r="B262" s="1"/>
      <c r="C262" s="1" t="s">
        <v>833</v>
      </c>
      <c r="D262" s="33" t="s">
        <v>616</v>
      </c>
      <c r="E262" s="87"/>
    </row>
    <row r="263" spans="1:6" x14ac:dyDescent="0.2">
      <c r="A263" s="1">
        <v>256</v>
      </c>
      <c r="B263" s="1"/>
      <c r="C263" s="1" t="s">
        <v>834</v>
      </c>
      <c r="D263" s="37" t="s">
        <v>617</v>
      </c>
      <c r="E263" s="87"/>
    </row>
    <row r="264" spans="1:6" x14ac:dyDescent="0.2">
      <c r="A264" s="1">
        <v>257</v>
      </c>
      <c r="B264" s="1"/>
      <c r="C264" s="1" t="s">
        <v>835</v>
      </c>
      <c r="D264" s="37" t="s">
        <v>618</v>
      </c>
      <c r="E264" s="88"/>
    </row>
    <row r="265" spans="1:6" x14ac:dyDescent="0.2">
      <c r="A265" s="83"/>
      <c r="B265" s="84"/>
      <c r="C265" s="84"/>
      <c r="D265" s="84"/>
      <c r="E265" s="85"/>
    </row>
    <row r="266" spans="1:6" x14ac:dyDescent="0.2">
      <c r="A266" s="1">
        <v>258</v>
      </c>
      <c r="B266" s="3" t="s">
        <v>222</v>
      </c>
      <c r="C266" s="18" t="s">
        <v>29</v>
      </c>
      <c r="D266" s="1" t="s">
        <v>604</v>
      </c>
      <c r="E266" s="2" t="s">
        <v>838</v>
      </c>
      <c r="F266" s="47"/>
    </row>
    <row r="267" spans="1:6" x14ac:dyDescent="0.2">
      <c r="A267" s="1">
        <v>259</v>
      </c>
      <c r="B267" s="1"/>
      <c r="C267" s="51" t="s">
        <v>620</v>
      </c>
      <c r="D267" s="1" t="s">
        <v>625</v>
      </c>
      <c r="E267" s="33" t="s">
        <v>630</v>
      </c>
    </row>
    <row r="268" spans="1:6" x14ac:dyDescent="0.2">
      <c r="A268" s="1">
        <v>260</v>
      </c>
      <c r="B268" s="1"/>
      <c r="C268" s="51" t="s">
        <v>621</v>
      </c>
      <c r="D268" s="38" t="s">
        <v>626</v>
      </c>
      <c r="E268" s="37" t="s">
        <v>631</v>
      </c>
    </row>
    <row r="269" spans="1:6" x14ac:dyDescent="0.2">
      <c r="A269" s="1">
        <v>261</v>
      </c>
      <c r="B269" s="1"/>
      <c r="C269" s="51" t="s">
        <v>622</v>
      </c>
      <c r="D269" s="33" t="s">
        <v>627</v>
      </c>
      <c r="E269" s="38" t="s">
        <v>632</v>
      </c>
    </row>
    <row r="270" spans="1:6" x14ac:dyDescent="0.2">
      <c r="A270" s="1">
        <v>262</v>
      </c>
      <c r="B270" s="1"/>
      <c r="C270" s="50" t="s">
        <v>623</v>
      </c>
      <c r="D270" s="33" t="s">
        <v>628</v>
      </c>
      <c r="E270" s="33" t="s">
        <v>633</v>
      </c>
    </row>
    <row r="271" spans="1:6" x14ac:dyDescent="0.2">
      <c r="A271" s="1">
        <v>263</v>
      </c>
      <c r="B271" s="1"/>
      <c r="C271" s="1" t="s">
        <v>51</v>
      </c>
      <c r="D271" s="1" t="s">
        <v>629</v>
      </c>
      <c r="E271" s="43" t="s">
        <v>635</v>
      </c>
    </row>
    <row r="272" spans="1:6" x14ac:dyDescent="0.2">
      <c r="A272" s="1">
        <v>264</v>
      </c>
      <c r="B272" s="1"/>
      <c r="C272" s="45" t="s">
        <v>624</v>
      </c>
      <c r="D272" s="1" t="s">
        <v>634</v>
      </c>
      <c r="E272" s="63" t="s">
        <v>636</v>
      </c>
    </row>
    <row r="273" spans="1:5" x14ac:dyDescent="0.2">
      <c r="A273" s="89"/>
      <c r="B273" s="90"/>
      <c r="C273" s="90"/>
      <c r="D273" s="90"/>
      <c r="E273" s="91"/>
    </row>
    <row r="274" spans="1:5" x14ac:dyDescent="0.2">
      <c r="A274" s="1">
        <v>265</v>
      </c>
      <c r="B274" s="1" t="s">
        <v>223</v>
      </c>
      <c r="C274" s="33" t="s">
        <v>637</v>
      </c>
      <c r="D274" s="37" t="s">
        <v>644</v>
      </c>
      <c r="E274" s="86" t="s">
        <v>650</v>
      </c>
    </row>
    <row r="275" spans="1:5" x14ac:dyDescent="0.2">
      <c r="A275" s="1">
        <v>266</v>
      </c>
      <c r="B275" s="1"/>
      <c r="C275" s="37" t="s">
        <v>638</v>
      </c>
      <c r="D275" s="37" t="s">
        <v>593</v>
      </c>
      <c r="E275" s="87"/>
    </row>
    <row r="276" spans="1:5" x14ac:dyDescent="0.2">
      <c r="A276" s="1">
        <v>267</v>
      </c>
      <c r="B276" s="1"/>
      <c r="C276" s="38" t="s">
        <v>639</v>
      </c>
      <c r="D276" s="38" t="s">
        <v>645</v>
      </c>
      <c r="E276" s="87"/>
    </row>
    <row r="277" spans="1:5" x14ac:dyDescent="0.2">
      <c r="A277" s="1">
        <v>268</v>
      </c>
      <c r="B277" s="1"/>
      <c r="C277" s="33" t="s">
        <v>640</v>
      </c>
      <c r="D277" s="1" t="s">
        <v>646</v>
      </c>
      <c r="E277" s="87"/>
    </row>
    <row r="278" spans="1:5" x14ac:dyDescent="0.2">
      <c r="A278" s="1">
        <v>269</v>
      </c>
      <c r="B278" s="1"/>
      <c r="C278" s="33" t="s">
        <v>641</v>
      </c>
      <c r="D278" s="42" t="s">
        <v>647</v>
      </c>
      <c r="E278" s="87"/>
    </row>
    <row r="279" spans="1:5" x14ac:dyDescent="0.2">
      <c r="A279" s="1">
        <v>270</v>
      </c>
      <c r="B279" s="1"/>
      <c r="C279" s="37" t="s">
        <v>642</v>
      </c>
      <c r="D279" s="43" t="s">
        <v>648</v>
      </c>
      <c r="E279" s="87"/>
    </row>
    <row r="280" spans="1:5" x14ac:dyDescent="0.2">
      <c r="A280" s="1">
        <v>271</v>
      </c>
      <c r="B280" s="1"/>
      <c r="C280" s="37" t="s">
        <v>643</v>
      </c>
      <c r="D280" s="1" t="s">
        <v>649</v>
      </c>
      <c r="E280" s="88"/>
    </row>
    <row r="281" spans="1:5" x14ac:dyDescent="0.2">
      <c r="A281" s="1"/>
      <c r="B281" s="89"/>
      <c r="C281" s="90"/>
      <c r="D281" s="90"/>
      <c r="E281" s="91"/>
    </row>
    <row r="282" spans="1:5" x14ac:dyDescent="0.2">
      <c r="A282" s="1">
        <v>272</v>
      </c>
      <c r="B282" s="1" t="s">
        <v>224</v>
      </c>
      <c r="C282" s="4" t="s">
        <v>29</v>
      </c>
      <c r="D282" s="37" t="s">
        <v>593</v>
      </c>
      <c r="E282" s="66" t="s">
        <v>654</v>
      </c>
    </row>
    <row r="283" spans="1:5" x14ac:dyDescent="0.2">
      <c r="A283" s="1">
        <v>273</v>
      </c>
      <c r="B283" s="1"/>
      <c r="C283" s="4" t="s">
        <v>38</v>
      </c>
      <c r="D283" s="37" t="s">
        <v>655</v>
      </c>
      <c r="E283" s="67" t="s">
        <v>656</v>
      </c>
    </row>
    <row r="284" spans="1:5" x14ac:dyDescent="0.2">
      <c r="A284" s="1">
        <v>274</v>
      </c>
      <c r="B284" s="1"/>
      <c r="C284" s="4" t="s">
        <v>39</v>
      </c>
      <c r="D284" s="61" t="s">
        <v>657</v>
      </c>
      <c r="E284" s="1" t="s">
        <v>658</v>
      </c>
    </row>
    <row r="285" spans="1:5" x14ac:dyDescent="0.2">
      <c r="A285" s="1">
        <v>275</v>
      </c>
      <c r="B285" s="43"/>
      <c r="C285" s="65" t="s">
        <v>651</v>
      </c>
      <c r="D285" s="43" t="s">
        <v>652</v>
      </c>
      <c r="E285" s="3" t="s">
        <v>653</v>
      </c>
    </row>
    <row r="286" spans="1:5" x14ac:dyDescent="0.2">
      <c r="A286" s="1"/>
      <c r="B286" s="83"/>
      <c r="C286" s="84"/>
      <c r="D286" s="90"/>
      <c r="E286" s="91"/>
    </row>
    <row r="287" spans="1:5" x14ac:dyDescent="0.2">
      <c r="A287" s="1">
        <v>276</v>
      </c>
      <c r="B287" s="18" t="s">
        <v>225</v>
      </c>
      <c r="C287" s="47" t="s">
        <v>40</v>
      </c>
      <c r="D287" s="37" t="s">
        <v>659</v>
      </c>
      <c r="E287" s="36" t="s">
        <v>660</v>
      </c>
    </row>
    <row r="288" spans="1:5" x14ac:dyDescent="0.2">
      <c r="A288" s="1"/>
      <c r="B288" s="83"/>
      <c r="C288" s="84"/>
      <c r="D288" s="84"/>
      <c r="E288" s="85"/>
    </row>
    <row r="289" spans="1:5" x14ac:dyDescent="0.2">
      <c r="A289" s="1">
        <v>277</v>
      </c>
      <c r="B289" s="3" t="s">
        <v>226</v>
      </c>
      <c r="C289" s="68" t="s">
        <v>18</v>
      </c>
      <c r="D289" s="2" t="s">
        <v>593</v>
      </c>
      <c r="E289" s="86" t="s">
        <v>729</v>
      </c>
    </row>
    <row r="290" spans="1:5" x14ac:dyDescent="0.2">
      <c r="A290" s="1">
        <v>278</v>
      </c>
      <c r="B290" s="1"/>
      <c r="C290" s="4" t="s">
        <v>41</v>
      </c>
      <c r="D290" s="5" t="s">
        <v>730</v>
      </c>
      <c r="E290" s="87"/>
    </row>
    <row r="291" spans="1:5" x14ac:dyDescent="0.2">
      <c r="A291" s="1">
        <v>279</v>
      </c>
      <c r="B291" s="1"/>
      <c r="C291" s="4" t="s">
        <v>42</v>
      </c>
      <c r="D291" s="34" t="s">
        <v>731</v>
      </c>
      <c r="E291" s="87"/>
    </row>
    <row r="292" spans="1:5" x14ac:dyDescent="0.2">
      <c r="A292" s="1">
        <v>280</v>
      </c>
      <c r="B292" s="1"/>
      <c r="C292" s="4" t="s">
        <v>43</v>
      </c>
      <c r="D292" s="69" t="s">
        <v>839</v>
      </c>
      <c r="E292" s="87"/>
    </row>
    <row r="293" spans="1:5" x14ac:dyDescent="0.2">
      <c r="A293" s="1">
        <v>281</v>
      </c>
      <c r="B293" s="1"/>
      <c r="C293" s="4" t="s">
        <v>44</v>
      </c>
      <c r="D293" s="69" t="s">
        <v>840</v>
      </c>
      <c r="E293" s="87"/>
    </row>
    <row r="294" spans="1:5" x14ac:dyDescent="0.2">
      <c r="A294" s="1">
        <v>282</v>
      </c>
      <c r="B294" s="1"/>
      <c r="C294" s="4" t="s">
        <v>45</v>
      </c>
      <c r="D294" s="70" t="s">
        <v>732</v>
      </c>
      <c r="E294" s="87"/>
    </row>
    <row r="295" spans="1:5" x14ac:dyDescent="0.2">
      <c r="A295" s="1">
        <v>283</v>
      </c>
      <c r="B295" s="1"/>
      <c r="C295" s="4" t="s">
        <v>46</v>
      </c>
      <c r="D295" s="8" t="s">
        <v>733</v>
      </c>
      <c r="E295" s="87"/>
    </row>
    <row r="296" spans="1:5" x14ac:dyDescent="0.2">
      <c r="A296" s="1">
        <v>284</v>
      </c>
      <c r="B296" s="1"/>
      <c r="C296" s="4" t="s">
        <v>47</v>
      </c>
      <c r="D296" s="55" t="s">
        <v>841</v>
      </c>
      <c r="E296" s="87"/>
    </row>
    <row r="297" spans="1:5" x14ac:dyDescent="0.2">
      <c r="A297" s="1">
        <v>285</v>
      </c>
      <c r="B297" s="1"/>
      <c r="C297" s="4" t="s">
        <v>48</v>
      </c>
      <c r="D297" s="54" t="s">
        <v>842</v>
      </c>
      <c r="E297" s="87"/>
    </row>
    <row r="298" spans="1:5" x14ac:dyDescent="0.2">
      <c r="A298" s="1">
        <v>286</v>
      </c>
      <c r="B298" s="1"/>
      <c r="C298" s="65" t="s">
        <v>49</v>
      </c>
      <c r="D298" s="2" t="s">
        <v>843</v>
      </c>
      <c r="E298" s="87"/>
    </row>
    <row r="299" spans="1:5" x14ac:dyDescent="0.2">
      <c r="A299" s="1">
        <v>287</v>
      </c>
      <c r="B299" s="1"/>
      <c r="C299" s="33" t="s">
        <v>661</v>
      </c>
      <c r="D299" s="37" t="s">
        <v>662</v>
      </c>
      <c r="E299" s="33" t="s">
        <v>663</v>
      </c>
    </row>
    <row r="300" spans="1:5" x14ac:dyDescent="0.2">
      <c r="A300" s="1">
        <v>288</v>
      </c>
      <c r="B300" s="1"/>
      <c r="C300" s="33" t="s">
        <v>664</v>
      </c>
      <c r="D300" s="38" t="s">
        <v>665</v>
      </c>
      <c r="E300" s="37" t="s">
        <v>666</v>
      </c>
    </row>
    <row r="301" spans="1:5" x14ac:dyDescent="0.2">
      <c r="A301" s="1">
        <v>289</v>
      </c>
      <c r="B301" s="1"/>
      <c r="C301" s="37" t="s">
        <v>667</v>
      </c>
      <c r="D301" s="33" t="s">
        <v>668</v>
      </c>
      <c r="E301" s="38" t="s">
        <v>669</v>
      </c>
    </row>
    <row r="302" spans="1:5" x14ac:dyDescent="0.2">
      <c r="A302" s="1">
        <v>290</v>
      </c>
      <c r="B302" s="1"/>
      <c r="C302" s="38" t="s">
        <v>670</v>
      </c>
      <c r="D302" s="33" t="s">
        <v>671</v>
      </c>
      <c r="E302" s="33" t="s">
        <v>672</v>
      </c>
    </row>
    <row r="303" spans="1:5" x14ac:dyDescent="0.2">
      <c r="A303" s="1">
        <v>291</v>
      </c>
      <c r="B303" s="1"/>
      <c r="C303" s="33" t="s">
        <v>673</v>
      </c>
      <c r="D303" s="33" t="s">
        <v>674</v>
      </c>
      <c r="E303" s="37" t="s">
        <v>675</v>
      </c>
    </row>
    <row r="304" spans="1:5" x14ac:dyDescent="0.2">
      <c r="A304" s="1">
        <v>292</v>
      </c>
      <c r="B304" s="1"/>
      <c r="C304" s="37" t="s">
        <v>676</v>
      </c>
      <c r="D304" s="33" t="s">
        <v>677</v>
      </c>
      <c r="E304" s="38" t="s">
        <v>678</v>
      </c>
    </row>
    <row r="305" spans="1:5" x14ac:dyDescent="0.2">
      <c r="A305" s="1">
        <v>293</v>
      </c>
      <c r="B305" s="1"/>
      <c r="C305" s="33" t="s">
        <v>679</v>
      </c>
      <c r="D305" s="33" t="s">
        <v>680</v>
      </c>
      <c r="E305" s="33" t="s">
        <v>681</v>
      </c>
    </row>
    <row r="306" spans="1:5" x14ac:dyDescent="0.2">
      <c r="A306" s="1">
        <v>294</v>
      </c>
      <c r="B306" s="1"/>
      <c r="C306" s="33" t="s">
        <v>682</v>
      </c>
      <c r="D306" s="37" t="s">
        <v>683</v>
      </c>
      <c r="E306" s="33" t="s">
        <v>684</v>
      </c>
    </row>
    <row r="307" spans="1:5" x14ac:dyDescent="0.2">
      <c r="A307" s="1">
        <v>295</v>
      </c>
      <c r="B307" s="1"/>
      <c r="C307" s="33" t="s">
        <v>685</v>
      </c>
      <c r="D307" s="37" t="s">
        <v>686</v>
      </c>
      <c r="E307" s="33" t="s">
        <v>687</v>
      </c>
    </row>
    <row r="308" spans="1:5" x14ac:dyDescent="0.2">
      <c r="A308" s="1">
        <v>296</v>
      </c>
      <c r="B308" s="1"/>
      <c r="C308" s="33" t="s">
        <v>688</v>
      </c>
      <c r="D308" s="38" t="s">
        <v>689</v>
      </c>
      <c r="E308" s="33" t="s">
        <v>690</v>
      </c>
    </row>
    <row r="309" spans="1:5" x14ac:dyDescent="0.2">
      <c r="A309" s="1">
        <v>297</v>
      </c>
      <c r="B309" s="1"/>
      <c r="C309" s="33" t="s">
        <v>691</v>
      </c>
      <c r="D309" s="33" t="s">
        <v>692</v>
      </c>
      <c r="E309" s="33" t="s">
        <v>693</v>
      </c>
    </row>
    <row r="310" spans="1:5" x14ac:dyDescent="0.2">
      <c r="A310" s="1">
        <v>298</v>
      </c>
      <c r="B310" s="1"/>
      <c r="C310" s="33" t="s">
        <v>694</v>
      </c>
      <c r="D310" s="33" t="s">
        <v>695</v>
      </c>
      <c r="E310" s="33" t="s">
        <v>696</v>
      </c>
    </row>
    <row r="311" spans="1:5" x14ac:dyDescent="0.2">
      <c r="A311" s="1">
        <v>299</v>
      </c>
      <c r="B311" s="1"/>
      <c r="C311" s="33" t="s">
        <v>697</v>
      </c>
      <c r="D311" s="37" t="s">
        <v>698</v>
      </c>
      <c r="E311" s="37" t="s">
        <v>699</v>
      </c>
    </row>
    <row r="312" spans="1:5" x14ac:dyDescent="0.2">
      <c r="A312" s="1">
        <v>300</v>
      </c>
      <c r="B312" s="1"/>
      <c r="C312" s="37" t="s">
        <v>700</v>
      </c>
      <c r="D312" s="33" t="s">
        <v>701</v>
      </c>
      <c r="E312" s="37" t="s">
        <v>702</v>
      </c>
    </row>
    <row r="313" spans="1:5" x14ac:dyDescent="0.2">
      <c r="A313" s="1">
        <v>301</v>
      </c>
      <c r="B313" s="1"/>
      <c r="C313" s="42" t="s">
        <v>703</v>
      </c>
      <c r="D313" s="33" t="s">
        <v>704</v>
      </c>
      <c r="E313" s="38" t="s">
        <v>705</v>
      </c>
    </row>
    <row r="314" spans="1:5" x14ac:dyDescent="0.2">
      <c r="A314" s="1">
        <v>302</v>
      </c>
      <c r="B314" s="1"/>
      <c r="C314" s="33" t="s">
        <v>706</v>
      </c>
      <c r="D314" s="37" t="s">
        <v>707</v>
      </c>
      <c r="E314" s="33" t="s">
        <v>708</v>
      </c>
    </row>
    <row r="315" spans="1:5" x14ac:dyDescent="0.2">
      <c r="A315" s="1">
        <v>303</v>
      </c>
      <c r="B315" s="1"/>
      <c r="C315" s="33" t="s">
        <v>709</v>
      </c>
      <c r="D315" s="37" t="s">
        <v>710</v>
      </c>
      <c r="E315" s="33" t="s">
        <v>711</v>
      </c>
    </row>
    <row r="316" spans="1:5" x14ac:dyDescent="0.2">
      <c r="A316" s="1">
        <v>304</v>
      </c>
      <c r="B316" s="1"/>
      <c r="C316" s="33" t="s">
        <v>712</v>
      </c>
      <c r="D316" s="38" t="s">
        <v>713</v>
      </c>
      <c r="E316" s="33" t="s">
        <v>714</v>
      </c>
    </row>
    <row r="317" spans="1:5" x14ac:dyDescent="0.2">
      <c r="A317" s="1">
        <v>305</v>
      </c>
      <c r="B317" s="1"/>
      <c r="C317" s="37" t="s">
        <v>715</v>
      </c>
      <c r="D317" s="37" t="s">
        <v>716</v>
      </c>
      <c r="E317" s="33" t="s">
        <v>717</v>
      </c>
    </row>
    <row r="318" spans="1:5" x14ac:dyDescent="0.2">
      <c r="A318" s="1">
        <v>306</v>
      </c>
      <c r="B318" s="1"/>
      <c r="C318" s="37" t="s">
        <v>718</v>
      </c>
      <c r="D318" s="38" t="s">
        <v>719</v>
      </c>
      <c r="E318" s="37" t="s">
        <v>720</v>
      </c>
    </row>
    <row r="319" spans="1:5" x14ac:dyDescent="0.2">
      <c r="A319" s="1">
        <v>307</v>
      </c>
      <c r="B319" s="1"/>
      <c r="C319" s="38" t="s">
        <v>721</v>
      </c>
      <c r="D319" s="44" t="s">
        <v>844</v>
      </c>
      <c r="E319" s="38" t="s">
        <v>726</v>
      </c>
    </row>
    <row r="320" spans="1:5" x14ac:dyDescent="0.2">
      <c r="A320" s="1">
        <v>308</v>
      </c>
      <c r="B320" s="1"/>
      <c r="C320" s="33" t="s">
        <v>722</v>
      </c>
      <c r="D320" s="37" t="s">
        <v>724</v>
      </c>
      <c r="E320" s="37" t="s">
        <v>727</v>
      </c>
    </row>
    <row r="321" spans="1:6" x14ac:dyDescent="0.2">
      <c r="A321" s="1">
        <v>309</v>
      </c>
      <c r="B321" s="1"/>
      <c r="C321" s="33" t="s">
        <v>723</v>
      </c>
      <c r="D321" s="71" t="s">
        <v>725</v>
      </c>
      <c r="E321" s="35" t="s">
        <v>728</v>
      </c>
      <c r="F321" s="47"/>
    </row>
    <row r="322" spans="1:6" x14ac:dyDescent="0.2">
      <c r="A322" s="1"/>
      <c r="B322" s="83"/>
      <c r="C322" s="84"/>
      <c r="D322" s="84"/>
      <c r="E322" s="85"/>
    </row>
    <row r="323" spans="1:6" x14ac:dyDescent="0.2">
      <c r="A323" s="1">
        <v>310</v>
      </c>
      <c r="B323" s="3" t="s">
        <v>227</v>
      </c>
      <c r="C323" s="1" t="s">
        <v>29</v>
      </c>
      <c r="D323" s="37" t="s">
        <v>845</v>
      </c>
      <c r="E323" s="92" t="s">
        <v>734</v>
      </c>
    </row>
    <row r="324" spans="1:6" x14ac:dyDescent="0.2">
      <c r="A324" s="1"/>
      <c r="B324" s="1"/>
      <c r="C324" s="1" t="s">
        <v>50</v>
      </c>
      <c r="D324" s="37" t="s">
        <v>604</v>
      </c>
      <c r="E324" s="93"/>
    </row>
    <row r="325" spans="1:6" x14ac:dyDescent="0.2">
      <c r="A325" s="1"/>
      <c r="B325" s="94"/>
      <c r="C325" s="95"/>
      <c r="D325" s="95"/>
      <c r="E325" s="96"/>
    </row>
    <row r="326" spans="1:6" x14ac:dyDescent="0.2">
      <c r="A326" s="1">
        <v>311</v>
      </c>
      <c r="B326" s="3" t="s">
        <v>228</v>
      </c>
      <c r="C326" s="3" t="s">
        <v>29</v>
      </c>
      <c r="D326" s="3" t="s">
        <v>846</v>
      </c>
      <c r="E326" s="60" t="s">
        <v>735</v>
      </c>
    </row>
    <row r="327" spans="1:6" x14ac:dyDescent="0.2">
      <c r="A327" s="1"/>
      <c r="B327" s="83"/>
      <c r="C327" s="84"/>
      <c r="D327" s="84"/>
      <c r="E327" s="85"/>
    </row>
    <row r="328" spans="1:6" x14ac:dyDescent="0.2">
      <c r="A328" s="1">
        <v>312</v>
      </c>
      <c r="B328" s="3" t="s">
        <v>229</v>
      </c>
      <c r="C328" s="1" t="s">
        <v>29</v>
      </c>
      <c r="D328" s="71" t="s">
        <v>593</v>
      </c>
      <c r="E328" s="37" t="s">
        <v>736</v>
      </c>
    </row>
    <row r="329" spans="1:6" x14ac:dyDescent="0.2">
      <c r="A329" s="1"/>
      <c r="B329" s="83"/>
      <c r="C329" s="84"/>
      <c r="D329" s="84"/>
      <c r="E329" s="85"/>
    </row>
    <row r="330" spans="1:6" x14ac:dyDescent="0.2">
      <c r="A330" s="1">
        <v>313</v>
      </c>
      <c r="B330" s="1" t="s">
        <v>230</v>
      </c>
      <c r="C330" s="1" t="s">
        <v>29</v>
      </c>
      <c r="D330" s="54" t="s">
        <v>737</v>
      </c>
      <c r="E330" s="53" t="s">
        <v>738</v>
      </c>
    </row>
    <row r="331" spans="1:6" x14ac:dyDescent="0.2">
      <c r="A331" s="1"/>
      <c r="B331" s="83"/>
      <c r="C331" s="84"/>
      <c r="D331" s="84"/>
      <c r="E331" s="85"/>
    </row>
    <row r="332" spans="1:6" x14ac:dyDescent="0.2">
      <c r="A332" s="1">
        <v>314</v>
      </c>
      <c r="B332" s="1" t="s">
        <v>231</v>
      </c>
      <c r="C332" s="1" t="s">
        <v>29</v>
      </c>
      <c r="D332" s="37" t="s">
        <v>739</v>
      </c>
      <c r="E332" s="71" t="s">
        <v>740</v>
      </c>
      <c r="F332" s="47"/>
    </row>
    <row r="333" spans="1:6" x14ac:dyDescent="0.2">
      <c r="A333" s="1"/>
      <c r="B333" s="83"/>
      <c r="C333" s="84"/>
      <c r="D333" s="84"/>
      <c r="E333" s="85"/>
      <c r="F333" s="29"/>
    </row>
    <row r="334" spans="1:6" x14ac:dyDescent="0.2">
      <c r="A334" s="1">
        <v>315</v>
      </c>
      <c r="B334" s="1" t="s">
        <v>232</v>
      </c>
      <c r="C334" s="1" t="s">
        <v>40</v>
      </c>
      <c r="D334" s="5" t="s">
        <v>593</v>
      </c>
      <c r="E334" s="73" t="s">
        <v>747</v>
      </c>
      <c r="F334" s="72"/>
    </row>
    <row r="335" spans="1:6" x14ac:dyDescent="0.2">
      <c r="A335" s="1"/>
      <c r="B335" s="1"/>
      <c r="C335" s="1" t="s">
        <v>51</v>
      </c>
      <c r="D335" s="2" t="s">
        <v>741</v>
      </c>
      <c r="E335" s="3" t="s">
        <v>742</v>
      </c>
      <c r="F335" s="5"/>
    </row>
    <row r="336" spans="1:6" x14ac:dyDescent="0.2">
      <c r="A336" s="1"/>
      <c r="B336" s="89"/>
      <c r="C336" s="90"/>
      <c r="D336" s="90"/>
      <c r="E336" s="91"/>
    </row>
    <row r="337" spans="1:6" x14ac:dyDescent="0.2">
      <c r="A337" s="1">
        <v>316</v>
      </c>
      <c r="B337" s="1" t="s">
        <v>233</v>
      </c>
      <c r="C337" s="1" t="s">
        <v>29</v>
      </c>
      <c r="D337" s="5" t="s">
        <v>743</v>
      </c>
      <c r="E337" s="45" t="s">
        <v>744</v>
      </c>
      <c r="F337" s="29"/>
    </row>
    <row r="338" spans="1:6" x14ac:dyDescent="0.2">
      <c r="A338" s="1"/>
      <c r="B338" s="89"/>
      <c r="C338" s="90"/>
      <c r="D338" s="90"/>
      <c r="E338" s="91"/>
      <c r="F338" s="29"/>
    </row>
    <row r="339" spans="1:6" x14ac:dyDescent="0.2">
      <c r="A339" s="1">
        <v>317</v>
      </c>
      <c r="B339" s="1" t="s">
        <v>234</v>
      </c>
      <c r="C339" s="1" t="s">
        <v>40</v>
      </c>
      <c r="D339" s="74" t="s">
        <v>745</v>
      </c>
      <c r="E339" s="75" t="s">
        <v>746</v>
      </c>
      <c r="F339" s="47"/>
    </row>
    <row r="340" spans="1:6" x14ac:dyDescent="0.2">
      <c r="A340" s="1"/>
      <c r="B340" s="83"/>
      <c r="C340" s="84"/>
      <c r="D340" s="84"/>
      <c r="E340" s="85"/>
      <c r="F340" s="47"/>
    </row>
    <row r="341" spans="1:6" x14ac:dyDescent="0.2">
      <c r="A341" s="1">
        <v>318</v>
      </c>
      <c r="B341" s="1" t="s">
        <v>235</v>
      </c>
      <c r="C341" s="1" t="s">
        <v>40</v>
      </c>
      <c r="D341" s="5" t="s">
        <v>748</v>
      </c>
      <c r="E341" s="1" t="s">
        <v>847</v>
      </c>
    </row>
    <row r="342" spans="1:6" x14ac:dyDescent="0.2">
      <c r="A342" s="1"/>
      <c r="B342" s="89"/>
      <c r="C342" s="90"/>
      <c r="D342" s="90"/>
      <c r="E342" s="91"/>
    </row>
    <row r="343" spans="1:6" x14ac:dyDescent="0.2">
      <c r="A343" s="1">
        <v>319</v>
      </c>
      <c r="B343" s="1" t="s">
        <v>236</v>
      </c>
      <c r="C343" s="1" t="s">
        <v>52</v>
      </c>
      <c r="D343" s="76" t="s">
        <v>749</v>
      </c>
      <c r="E343" s="33" t="s">
        <v>753</v>
      </c>
    </row>
    <row r="344" spans="1:6" x14ac:dyDescent="0.2">
      <c r="A344" s="1">
        <v>320</v>
      </c>
      <c r="B344" s="1"/>
      <c r="C344" s="1" t="s">
        <v>53</v>
      </c>
      <c r="D344" s="26" t="s">
        <v>750</v>
      </c>
      <c r="E344" s="37" t="s">
        <v>754</v>
      </c>
    </row>
    <row r="345" spans="1:6" x14ac:dyDescent="0.2">
      <c r="A345" s="1">
        <v>321</v>
      </c>
      <c r="B345" s="1"/>
      <c r="C345" s="1" t="s">
        <v>54</v>
      </c>
      <c r="D345" s="80" t="s">
        <v>848</v>
      </c>
      <c r="E345" s="37" t="s">
        <v>754</v>
      </c>
    </row>
    <row r="346" spans="1:6" x14ac:dyDescent="0.2">
      <c r="A346" s="1">
        <v>322</v>
      </c>
      <c r="B346" s="1"/>
      <c r="C346" s="5" t="s">
        <v>55</v>
      </c>
      <c r="D346" s="67" t="s">
        <v>751</v>
      </c>
      <c r="E346" s="37" t="s">
        <v>755</v>
      </c>
    </row>
    <row r="347" spans="1:6" x14ac:dyDescent="0.2">
      <c r="A347" s="1">
        <v>323</v>
      </c>
      <c r="B347" s="1"/>
      <c r="C347" s="5" t="s">
        <v>56</v>
      </c>
      <c r="D347" s="67" t="s">
        <v>752</v>
      </c>
      <c r="E347" s="37" t="s">
        <v>756</v>
      </c>
    </row>
    <row r="348" spans="1:6" x14ac:dyDescent="0.2">
      <c r="A348" s="1"/>
      <c r="B348" s="89"/>
      <c r="C348" s="90"/>
      <c r="D348" s="90"/>
      <c r="E348" s="91"/>
    </row>
    <row r="349" spans="1:6" x14ac:dyDescent="0.2">
      <c r="A349" s="1">
        <v>324</v>
      </c>
      <c r="B349" s="1" t="s">
        <v>237</v>
      </c>
      <c r="C349" s="5" t="s">
        <v>57</v>
      </c>
      <c r="D349" s="37" t="s">
        <v>758</v>
      </c>
      <c r="E349" s="37" t="s">
        <v>759</v>
      </c>
    </row>
    <row r="350" spans="1:6" x14ac:dyDescent="0.2">
      <c r="A350" s="1">
        <v>325</v>
      </c>
      <c r="B350" s="1"/>
      <c r="C350" s="5" t="s">
        <v>757</v>
      </c>
      <c r="D350" s="37" t="s">
        <v>760</v>
      </c>
      <c r="E350" s="37" t="s">
        <v>761</v>
      </c>
    </row>
    <row r="351" spans="1:6" x14ac:dyDescent="0.2">
      <c r="A351" s="1"/>
      <c r="B351" s="89"/>
      <c r="C351" s="90"/>
      <c r="D351" s="90"/>
      <c r="E351" s="91"/>
    </row>
    <row r="352" spans="1:6" x14ac:dyDescent="0.2">
      <c r="A352" s="1">
        <v>326</v>
      </c>
      <c r="B352" s="1" t="s">
        <v>238</v>
      </c>
      <c r="C352" s="1" t="s">
        <v>239</v>
      </c>
      <c r="D352" s="77" t="s">
        <v>762</v>
      </c>
      <c r="E352" s="43" t="s">
        <v>763</v>
      </c>
    </row>
    <row r="353" spans="1:6" x14ac:dyDescent="0.2">
      <c r="A353" s="1"/>
      <c r="B353" s="1"/>
      <c r="C353" s="1"/>
      <c r="E353" s="59"/>
    </row>
    <row r="354" spans="1:6" x14ac:dyDescent="0.2">
      <c r="A354" s="1">
        <v>327</v>
      </c>
      <c r="B354" s="1" t="s">
        <v>240</v>
      </c>
      <c r="C354" s="5" t="s">
        <v>40</v>
      </c>
      <c r="D354" s="37" t="s">
        <v>764</v>
      </c>
      <c r="E354" s="37" t="s">
        <v>765</v>
      </c>
      <c r="F354" s="47"/>
    </row>
    <row r="355" spans="1:6" x14ac:dyDescent="0.2">
      <c r="A355" s="1"/>
      <c r="B355" s="1"/>
      <c r="C355" s="1"/>
      <c r="D355" s="17"/>
      <c r="E355" s="52"/>
    </row>
    <row r="356" spans="1:6" x14ac:dyDescent="0.2">
      <c r="A356" s="1">
        <v>328</v>
      </c>
      <c r="B356" s="1" t="s">
        <v>241</v>
      </c>
      <c r="C356" s="1" t="s">
        <v>40</v>
      </c>
      <c r="D356" s="5" t="s">
        <v>849</v>
      </c>
      <c r="E356" s="78" t="s">
        <v>766</v>
      </c>
    </row>
    <row r="357" spans="1:6" x14ac:dyDescent="0.2">
      <c r="A357" s="1"/>
      <c r="B357" s="1"/>
      <c r="C357" s="1"/>
      <c r="D357" s="5"/>
      <c r="E357" s="59"/>
    </row>
    <row r="358" spans="1:6" x14ac:dyDescent="0.2">
      <c r="A358" s="1">
        <v>329</v>
      </c>
      <c r="B358" s="1" t="s">
        <v>242</v>
      </c>
      <c r="C358" s="1" t="s">
        <v>40</v>
      </c>
      <c r="D358" s="37" t="s">
        <v>758</v>
      </c>
      <c r="E358" s="71" t="s">
        <v>767</v>
      </c>
      <c r="F358" s="47"/>
    </row>
    <row r="359" spans="1:6" x14ac:dyDescent="0.2">
      <c r="A359" s="1"/>
      <c r="B359" s="1"/>
      <c r="C359" s="5" t="s">
        <v>58</v>
      </c>
      <c r="D359" s="37" t="s">
        <v>768</v>
      </c>
      <c r="E359" s="62" t="s">
        <v>769</v>
      </c>
      <c r="F359" s="47"/>
    </row>
    <row r="360" spans="1:6" x14ac:dyDescent="0.2">
      <c r="A360" s="1"/>
      <c r="B360" s="1"/>
      <c r="C360" s="1"/>
      <c r="D360" s="62"/>
      <c r="E360" s="69"/>
      <c r="F360" s="47"/>
    </row>
    <row r="361" spans="1:6" x14ac:dyDescent="0.2">
      <c r="A361" s="1">
        <v>330</v>
      </c>
      <c r="B361" s="1" t="s">
        <v>243</v>
      </c>
      <c r="C361" s="1" t="s">
        <v>59</v>
      </c>
      <c r="D361" s="37" t="s">
        <v>770</v>
      </c>
      <c r="E361" s="54" t="s">
        <v>771</v>
      </c>
      <c r="F361" s="47"/>
    </row>
    <row r="362" spans="1:6" x14ac:dyDescent="0.2">
      <c r="A362" s="1"/>
      <c r="B362" s="1"/>
      <c r="C362" s="1"/>
      <c r="E362" s="6"/>
    </row>
    <row r="363" spans="1:6" x14ac:dyDescent="0.2">
      <c r="A363" s="1">
        <v>331</v>
      </c>
      <c r="B363" s="1" t="s">
        <v>244</v>
      </c>
      <c r="C363" s="1" t="s">
        <v>40</v>
      </c>
      <c r="D363" s="71" t="s">
        <v>772</v>
      </c>
      <c r="E363" s="37" t="s">
        <v>773</v>
      </c>
    </row>
    <row r="364" spans="1:6" x14ac:dyDescent="0.2">
      <c r="A364" s="1"/>
      <c r="B364" s="1"/>
      <c r="C364" s="5" t="s">
        <v>60</v>
      </c>
      <c r="D364" s="35" t="s">
        <v>774</v>
      </c>
      <c r="E364" s="35" t="s">
        <v>775</v>
      </c>
      <c r="F364" s="47"/>
    </row>
    <row r="365" spans="1:6" x14ac:dyDescent="0.2">
      <c r="A365" s="1"/>
      <c r="B365" s="89"/>
      <c r="C365" s="90"/>
      <c r="D365" s="90"/>
      <c r="E365" s="90"/>
    </row>
    <row r="366" spans="1:6" x14ac:dyDescent="0.2">
      <c r="A366" s="1">
        <v>332</v>
      </c>
      <c r="B366" s="43" t="s">
        <v>245</v>
      </c>
      <c r="C366" s="43" t="s">
        <v>40</v>
      </c>
      <c r="D366" s="17" t="s">
        <v>776</v>
      </c>
      <c r="E366" s="70" t="s">
        <v>777</v>
      </c>
      <c r="F366" s="47"/>
    </row>
    <row r="367" spans="1:6" x14ac:dyDescent="0.2">
      <c r="A367" s="1"/>
      <c r="B367" s="89"/>
      <c r="C367" s="90"/>
      <c r="D367" s="90"/>
      <c r="E367" s="91"/>
    </row>
    <row r="368" spans="1:6" x14ac:dyDescent="0.2">
      <c r="A368" s="1">
        <v>333</v>
      </c>
      <c r="B368" s="1" t="s">
        <v>246</v>
      </c>
      <c r="C368" s="1" t="s">
        <v>61</v>
      </c>
      <c r="D368" s="17" t="s">
        <v>778</v>
      </c>
      <c r="E368" s="61" t="s">
        <v>850</v>
      </c>
    </row>
    <row r="369" spans="1:6" x14ac:dyDescent="0.2">
      <c r="A369" s="1">
        <v>334</v>
      </c>
      <c r="B369" s="43"/>
      <c r="C369" s="43" t="s">
        <v>780</v>
      </c>
      <c r="D369" s="1" t="s">
        <v>781</v>
      </c>
      <c r="E369" s="1"/>
    </row>
    <row r="370" spans="1:6" x14ac:dyDescent="0.2">
      <c r="A370" s="1"/>
      <c r="B370" s="89"/>
      <c r="C370" s="90"/>
      <c r="D370" s="90"/>
      <c r="E370" s="91"/>
    </row>
    <row r="371" spans="1:6" x14ac:dyDescent="0.2">
      <c r="A371" s="1">
        <v>335</v>
      </c>
      <c r="B371" s="1" t="s">
        <v>247</v>
      </c>
      <c r="C371" s="1" t="s">
        <v>62</v>
      </c>
      <c r="D371" s="1" t="s">
        <v>779</v>
      </c>
      <c r="E371" s="59" t="s">
        <v>782</v>
      </c>
      <c r="F371" s="47"/>
    </row>
    <row r="372" spans="1:6" x14ac:dyDescent="0.2">
      <c r="A372" s="1"/>
      <c r="B372" s="101"/>
      <c r="C372" s="102"/>
      <c r="D372" s="102"/>
      <c r="E372" s="103"/>
    </row>
    <row r="373" spans="1:6" x14ac:dyDescent="0.2">
      <c r="A373" s="1">
        <v>336</v>
      </c>
      <c r="B373" s="1" t="s">
        <v>248</v>
      </c>
      <c r="C373" s="1" t="s">
        <v>783</v>
      </c>
      <c r="D373" s="17" t="s">
        <v>785</v>
      </c>
      <c r="E373" s="45" t="s">
        <v>784</v>
      </c>
    </row>
    <row r="374" spans="1:6" x14ac:dyDescent="0.2">
      <c r="D374" s="31"/>
    </row>
    <row r="375" spans="1:6" x14ac:dyDescent="0.2">
      <c r="B375" s="104" t="s">
        <v>786</v>
      </c>
      <c r="C375" s="104"/>
    </row>
    <row r="376" spans="1:6" x14ac:dyDescent="0.2">
      <c r="B376" s="105"/>
      <c r="C376" s="105"/>
    </row>
    <row r="377" spans="1:6" x14ac:dyDescent="0.2">
      <c r="A377" s="79"/>
      <c r="B377" s="105" t="s">
        <v>851</v>
      </c>
      <c r="C377" s="105"/>
      <c r="D377" s="79"/>
    </row>
    <row r="378" spans="1:6" x14ac:dyDescent="0.2">
      <c r="A378" s="1">
        <v>337</v>
      </c>
      <c r="B378" s="97" t="s">
        <v>787</v>
      </c>
      <c r="C378" s="98"/>
      <c r="D378" s="37" t="s">
        <v>788</v>
      </c>
    </row>
    <row r="379" spans="1:6" x14ac:dyDescent="0.2">
      <c r="A379" s="64"/>
      <c r="B379" s="84"/>
      <c r="C379" s="84"/>
      <c r="D379" s="85"/>
    </row>
    <row r="380" spans="1:6" x14ac:dyDescent="0.2">
      <c r="A380" s="1">
        <v>338</v>
      </c>
      <c r="B380" s="99" t="s">
        <v>789</v>
      </c>
      <c r="C380" s="100"/>
      <c r="D380" s="44" t="s">
        <v>790</v>
      </c>
    </row>
    <row r="381" spans="1:6" x14ac:dyDescent="0.2">
      <c r="A381" s="64"/>
      <c r="B381" s="84"/>
      <c r="C381" s="84"/>
      <c r="D381" s="85"/>
    </row>
    <row r="382" spans="1:6" x14ac:dyDescent="0.2">
      <c r="A382" s="1">
        <v>339</v>
      </c>
      <c r="B382" s="99" t="s">
        <v>791</v>
      </c>
      <c r="C382" s="100"/>
      <c r="D382" s="44" t="s">
        <v>792</v>
      </c>
    </row>
    <row r="383" spans="1:6" x14ac:dyDescent="0.2">
      <c r="A383" s="64"/>
      <c r="B383" s="84"/>
      <c r="C383" s="84"/>
      <c r="D383" s="85"/>
    </row>
    <row r="384" spans="1:6" x14ac:dyDescent="0.2">
      <c r="A384" s="1">
        <v>340</v>
      </c>
      <c r="B384" s="99" t="s">
        <v>793</v>
      </c>
      <c r="C384" s="100"/>
      <c r="D384" s="44" t="s">
        <v>794</v>
      </c>
    </row>
    <row r="385" spans="1:5" x14ac:dyDescent="0.2">
      <c r="A385" s="64"/>
      <c r="B385" s="84"/>
      <c r="C385" s="84"/>
      <c r="D385" s="85"/>
    </row>
    <row r="386" spans="1:5" x14ac:dyDescent="0.2">
      <c r="A386" s="1">
        <v>341</v>
      </c>
      <c r="B386" s="99" t="s">
        <v>795</v>
      </c>
      <c r="C386" s="100"/>
      <c r="D386" s="44" t="s">
        <v>796</v>
      </c>
    </row>
    <row r="388" spans="1:5" x14ac:dyDescent="0.2">
      <c r="B388" s="106" t="s">
        <v>799</v>
      </c>
      <c r="C388" s="106"/>
    </row>
    <row r="389" spans="1:5" x14ac:dyDescent="0.2">
      <c r="B389" s="79"/>
      <c r="C389" s="79"/>
      <c r="D389" s="79"/>
    </row>
    <row r="390" spans="1:5" x14ac:dyDescent="0.2">
      <c r="A390" s="1">
        <v>342</v>
      </c>
      <c r="B390" s="107" t="s">
        <v>797</v>
      </c>
      <c r="C390" s="108"/>
      <c r="D390" s="1" t="s">
        <v>798</v>
      </c>
      <c r="E390" s="47"/>
    </row>
  </sheetData>
  <mergeCells count="47">
    <mergeCell ref="B386:C386"/>
    <mergeCell ref="B388:C388"/>
    <mergeCell ref="B390:C390"/>
    <mergeCell ref="B383:D383"/>
    <mergeCell ref="B385:D385"/>
    <mergeCell ref="B378:C378"/>
    <mergeCell ref="B380:C380"/>
    <mergeCell ref="B382:C382"/>
    <mergeCell ref="B384:C384"/>
    <mergeCell ref="B372:E372"/>
    <mergeCell ref="B375:C375"/>
    <mergeCell ref="B376:C376"/>
    <mergeCell ref="B379:D379"/>
    <mergeCell ref="B381:D381"/>
    <mergeCell ref="B377:C377"/>
    <mergeCell ref="B351:E351"/>
    <mergeCell ref="B367:E367"/>
    <mergeCell ref="B365:E365"/>
    <mergeCell ref="B370:E370"/>
    <mergeCell ref="B338:E338"/>
    <mergeCell ref="B340:E340"/>
    <mergeCell ref="B342:E342"/>
    <mergeCell ref="B348:E348"/>
    <mergeCell ref="E323:E324"/>
    <mergeCell ref="B325:E325"/>
    <mergeCell ref="B327:E327"/>
    <mergeCell ref="B336:E336"/>
    <mergeCell ref="B281:E281"/>
    <mergeCell ref="B286:E286"/>
    <mergeCell ref="B288:E288"/>
    <mergeCell ref="E289:E298"/>
    <mergeCell ref="B322:E322"/>
    <mergeCell ref="B329:E329"/>
    <mergeCell ref="B331:E331"/>
    <mergeCell ref="B333:E333"/>
    <mergeCell ref="E274:E280"/>
    <mergeCell ref="A226:E226"/>
    <mergeCell ref="E227:E237"/>
    <mergeCell ref="B238:E238"/>
    <mergeCell ref="B240:E240"/>
    <mergeCell ref="B248:E248"/>
    <mergeCell ref="E2:E167"/>
    <mergeCell ref="A187:E187"/>
    <mergeCell ref="B168:E168"/>
    <mergeCell ref="E249:E264"/>
    <mergeCell ref="A273:E273"/>
    <mergeCell ref="A265:E265"/>
  </mergeCells>
  <phoneticPr fontId="1"/>
  <pageMargins left="0.7" right="0.7" top="0.75" bottom="0.75" header="0.3" footer="0.3"/>
  <pageSetup paperSize="9" scale="84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窓口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8-22T08:54:46Z</cp:lastPrinted>
  <dcterms:created xsi:type="dcterms:W3CDTF">2022-09-21T02:20:57Z</dcterms:created>
  <dcterms:modified xsi:type="dcterms:W3CDTF">2025-08-29T06:39:00Z</dcterms:modified>
</cp:coreProperties>
</file>